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notesMasterIdLst>
    <p:notesMasterId r:id="rId22"/>
  </p:notesMasterIdLst>
  <p:sldIdLst>
    <p:sldId id="370" r:id="rId2"/>
    <p:sldId id="371" r:id="rId3"/>
    <p:sldId id="352" r:id="rId4"/>
    <p:sldId id="321" r:id="rId5"/>
    <p:sldId id="353" r:id="rId6"/>
    <p:sldId id="376" r:id="rId7"/>
    <p:sldId id="375" r:id="rId8"/>
    <p:sldId id="328" r:id="rId9"/>
    <p:sldId id="374" r:id="rId10"/>
    <p:sldId id="351" r:id="rId11"/>
    <p:sldId id="378" r:id="rId12"/>
    <p:sldId id="379" r:id="rId13"/>
    <p:sldId id="380" r:id="rId14"/>
    <p:sldId id="381" r:id="rId15"/>
    <p:sldId id="382" r:id="rId16"/>
    <p:sldId id="383" r:id="rId17"/>
    <p:sldId id="384" r:id="rId18"/>
    <p:sldId id="366" r:id="rId19"/>
    <p:sldId id="377" r:id="rId20"/>
    <p:sldId id="372" r:id="rId21"/>
  </p:sldIdLst>
  <p:sldSz cx="9144000" cy="5143500" type="screen16x9"/>
  <p:notesSz cx="6858000" cy="9144000"/>
  <p:embeddedFontLst>
    <p:embeddedFont>
      <p:font typeface="나눔바른고딕" panose="020B0603020101020101" pitchFamily="50" charset="-127"/>
      <p:regular r:id="rId23"/>
      <p:bold r:id="rId24"/>
    </p:embeddedFont>
    <p:embeddedFont>
      <p:font typeface="Calibri" panose="020F0502020204030204" pitchFamily="34" charset="0"/>
      <p:regular r:id="rId25"/>
      <p:bold r:id="rId26"/>
      <p:italic r:id="rId27"/>
      <p:boldItalic r:id="rId28"/>
    </p:embeddedFont>
    <p:embeddedFont>
      <p:font typeface="나눔고딕 ExtraBold" panose="020D0904000000000000" pitchFamily="50" charset="-127"/>
      <p:bold r:id="rId29"/>
    </p:embeddedFont>
    <p:embeddedFont>
      <p:font typeface="맑은 고딕" panose="020B0503020000020004" pitchFamily="50" charset="-127"/>
      <p:regular r:id="rId30"/>
      <p:bold r:id="rId31"/>
    </p:embeddedFont>
  </p:embeddedFontLst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선영" initials="선영" lastIdx="0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DD9C3"/>
    <a:srgbClr val="403F43"/>
    <a:srgbClr val="FFE1FF"/>
    <a:srgbClr val="EE1E59"/>
    <a:srgbClr val="579187"/>
    <a:srgbClr val="BBD7D2"/>
    <a:srgbClr val="30DC96"/>
    <a:srgbClr val="FFFFCC"/>
    <a:srgbClr val="FFF6E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487" autoAdjust="0"/>
    <p:restoredTop sz="83465" autoAdjust="0"/>
  </p:normalViewPr>
  <p:slideViewPr>
    <p:cSldViewPr>
      <p:cViewPr varScale="1">
        <p:scale>
          <a:sx n="68" d="100"/>
          <a:sy n="68" d="100"/>
        </p:scale>
        <p:origin x="58" y="307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theme" Target="theme/theme1.xml"/></Relationships>
</file>

<file path=ppt/diagrams/_rels/data1.xml.rels><?xml version="1.0" encoding="UTF-8" standalone="yes"?>
<Relationships xmlns="http://schemas.openxmlformats.org/package/2006/relationships"><Relationship Id="rId1" Type="http://schemas.openxmlformats.org/officeDocument/2006/relationships/image" Target="../media/image21.jpg"/></Relationships>
</file>

<file path=ppt/diagrams/_rels/drawing1.xml.rels><?xml version="1.0" encoding="UTF-8" standalone="yes"?>
<Relationships xmlns="http://schemas.openxmlformats.org/package/2006/relationships"><Relationship Id="rId1" Type="http://schemas.openxmlformats.org/officeDocument/2006/relationships/image" Target="../media/image21.jp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3A3B0A0-0210-486B-8AFD-5F58772BE05F}" type="doc">
      <dgm:prSet loTypeId="urn:microsoft.com/office/officeart/2008/layout/BendingPictureCaptionList" loCatId="pictur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pPr latinLnBrk="1"/>
          <a:endParaRPr lang="ko-KR" altLang="en-US"/>
        </a:p>
      </dgm:t>
    </dgm:pt>
    <dgm:pt modelId="{27EA60BA-38CF-4D9B-B7E4-8D88F73A24CE}">
      <dgm:prSet phldrT="[텍스트]"/>
      <dgm:spPr>
        <a:solidFill>
          <a:schemeClr val="tx2">
            <a:lumMod val="75000"/>
          </a:schemeClr>
        </a:solidFill>
      </dgm:spPr>
      <dgm:t>
        <a:bodyPr/>
        <a:lstStyle/>
        <a:p>
          <a:pPr latinLnBrk="1"/>
          <a:r>
            <a:rPr lang="en-US" altLang="ko-KR" dirty="0">
              <a:latin typeface="나눔바른고딕 Light" panose="020B0603020101020101" pitchFamily="50" charset="-127"/>
              <a:ea typeface="나눔바른고딕 Light" panose="020B0603020101020101" pitchFamily="50" charset="-127"/>
            </a:rPr>
            <a:t>RSSI Triangulation</a:t>
          </a:r>
          <a:endParaRPr lang="ko-KR" altLang="en-US" dirty="0">
            <a:latin typeface="나눔바른고딕 Light" panose="020B0603020101020101" pitchFamily="50" charset="-127"/>
            <a:ea typeface="나눔바른고딕 Light" panose="020B0603020101020101" pitchFamily="50" charset="-127"/>
          </a:endParaRPr>
        </a:p>
      </dgm:t>
    </dgm:pt>
    <dgm:pt modelId="{0A923E2E-3D94-430C-9433-53EDF0C2FD21}" type="parTrans" cxnId="{D83AEF2E-F553-4A68-A34D-F4F011E9463D}">
      <dgm:prSet/>
      <dgm:spPr/>
      <dgm:t>
        <a:bodyPr/>
        <a:lstStyle/>
        <a:p>
          <a:pPr latinLnBrk="1"/>
          <a:endParaRPr lang="ko-KR" altLang="en-US"/>
        </a:p>
      </dgm:t>
    </dgm:pt>
    <dgm:pt modelId="{B117D2D3-B3F5-4977-AD71-08F48CC1CBCB}" type="sibTrans" cxnId="{D83AEF2E-F553-4A68-A34D-F4F011E9463D}">
      <dgm:prSet/>
      <dgm:spPr/>
      <dgm:t>
        <a:bodyPr/>
        <a:lstStyle/>
        <a:p>
          <a:pPr latinLnBrk="1"/>
          <a:endParaRPr lang="ko-KR" altLang="en-US"/>
        </a:p>
      </dgm:t>
    </dgm:pt>
    <dgm:pt modelId="{CF750FBB-6145-4853-9500-8E9C141DFCDC}" type="pres">
      <dgm:prSet presAssocID="{23A3B0A0-0210-486B-8AFD-5F58772BE05F}" presName="Name0" presStyleCnt="0">
        <dgm:presLayoutVars>
          <dgm:dir/>
          <dgm:resizeHandles val="exact"/>
        </dgm:presLayoutVars>
      </dgm:prSet>
      <dgm:spPr/>
    </dgm:pt>
    <dgm:pt modelId="{09AE97BB-DCB5-41B0-8D0B-22522006E89B}" type="pres">
      <dgm:prSet presAssocID="{27EA60BA-38CF-4D9B-B7E4-8D88F73A24CE}" presName="composite" presStyleCnt="0"/>
      <dgm:spPr/>
    </dgm:pt>
    <dgm:pt modelId="{633CD759-7BD0-4A8A-B2FE-F5BA7305DF45}" type="pres">
      <dgm:prSet presAssocID="{27EA60BA-38CF-4D9B-B7E4-8D88F73A24CE}" presName="rect1" presStyleLbl="bgImgPlace1" presStyleIdx="0" presStyleCnt="1" custScaleX="123011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</dgm:spPr>
    </dgm:pt>
    <dgm:pt modelId="{E23560D3-C1E0-4921-9345-25AC3193E9DD}" type="pres">
      <dgm:prSet presAssocID="{27EA60BA-38CF-4D9B-B7E4-8D88F73A24CE}" presName="wedgeRectCallout1" presStyleLbl="node1" presStyleIdx="0" presStyleCnt="1">
        <dgm:presLayoutVars>
          <dgm:bulletEnabled val="1"/>
        </dgm:presLayoutVars>
      </dgm:prSet>
      <dgm:spPr/>
    </dgm:pt>
  </dgm:ptLst>
  <dgm:cxnLst>
    <dgm:cxn modelId="{D83AEF2E-F553-4A68-A34D-F4F011E9463D}" srcId="{23A3B0A0-0210-486B-8AFD-5F58772BE05F}" destId="{27EA60BA-38CF-4D9B-B7E4-8D88F73A24CE}" srcOrd="0" destOrd="0" parTransId="{0A923E2E-3D94-430C-9433-53EDF0C2FD21}" sibTransId="{B117D2D3-B3F5-4977-AD71-08F48CC1CBCB}"/>
    <dgm:cxn modelId="{BE4B0B3E-9D59-4F26-B987-DF6047268E26}" type="presOf" srcId="{23A3B0A0-0210-486B-8AFD-5F58772BE05F}" destId="{CF750FBB-6145-4853-9500-8E9C141DFCDC}" srcOrd="0" destOrd="0" presId="urn:microsoft.com/office/officeart/2008/layout/BendingPictureCaptionList"/>
    <dgm:cxn modelId="{25C67508-CF3E-4FB0-AD12-46B9B9406C38}" type="presOf" srcId="{27EA60BA-38CF-4D9B-B7E4-8D88F73A24CE}" destId="{E23560D3-C1E0-4921-9345-25AC3193E9DD}" srcOrd="0" destOrd="0" presId="urn:microsoft.com/office/officeart/2008/layout/BendingPictureCaptionList"/>
    <dgm:cxn modelId="{015CA99A-2AB7-4609-9673-A7054A7B9858}" type="presParOf" srcId="{CF750FBB-6145-4853-9500-8E9C141DFCDC}" destId="{09AE97BB-DCB5-41B0-8D0B-22522006E89B}" srcOrd="0" destOrd="0" presId="urn:microsoft.com/office/officeart/2008/layout/BendingPictureCaptionList"/>
    <dgm:cxn modelId="{27997E8A-5D02-47CA-A723-661DED4F3B44}" type="presParOf" srcId="{09AE97BB-DCB5-41B0-8D0B-22522006E89B}" destId="{633CD759-7BD0-4A8A-B2FE-F5BA7305DF45}" srcOrd="0" destOrd="0" presId="urn:microsoft.com/office/officeart/2008/layout/BendingPictureCaptionList"/>
    <dgm:cxn modelId="{6BC8C411-8D56-4D29-8F10-D1C4DF183E52}" type="presParOf" srcId="{09AE97BB-DCB5-41B0-8D0B-22522006E89B}" destId="{E23560D3-C1E0-4921-9345-25AC3193E9DD}" srcOrd="1" destOrd="0" presId="urn:microsoft.com/office/officeart/2008/layout/BendingPictureCaption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33CD759-7BD0-4A8A-B2FE-F5BA7305DF45}">
      <dsp:nvSpPr>
        <dsp:cNvPr id="0" name=""/>
        <dsp:cNvSpPr/>
      </dsp:nvSpPr>
      <dsp:spPr>
        <a:xfrm>
          <a:off x="1161495" y="12"/>
          <a:ext cx="2834458" cy="1843385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23560D3-C1E0-4921-9345-25AC3193E9DD}">
      <dsp:nvSpPr>
        <dsp:cNvPr id="0" name=""/>
        <dsp:cNvSpPr/>
      </dsp:nvSpPr>
      <dsp:spPr>
        <a:xfrm>
          <a:off x="1633989" y="1659058"/>
          <a:ext cx="2050766" cy="645184"/>
        </a:xfrm>
        <a:prstGeom prst="wedgeRectCallout">
          <a:avLst>
            <a:gd name="adj1" fmla="val 20250"/>
            <a:gd name="adj2" fmla="val -60700"/>
          </a:avLst>
        </a:prstGeom>
        <a:solidFill>
          <a:schemeClr val="tx2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 latinLnBrk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altLang="ko-KR" sz="1800" kern="1200" dirty="0">
              <a:latin typeface="나눔바른고딕 Light" panose="020B0603020101020101" pitchFamily="50" charset="-127"/>
              <a:ea typeface="나눔바른고딕 Light" panose="020B0603020101020101" pitchFamily="50" charset="-127"/>
            </a:rPr>
            <a:t>RSSI Triangulation</a:t>
          </a:r>
          <a:endParaRPr lang="ko-KR" altLang="en-US" sz="1800" kern="1200" dirty="0">
            <a:latin typeface="나눔바른고딕 Light" panose="020B0603020101020101" pitchFamily="50" charset="-127"/>
            <a:ea typeface="나눔바른고딕 Light" panose="020B0603020101020101" pitchFamily="50" charset="-127"/>
          </a:endParaRPr>
        </a:p>
      </dsp:txBody>
      <dsp:txXfrm>
        <a:off x="1633989" y="1659058"/>
        <a:ext cx="2050766" cy="64518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BendingPictureCaptionList">
  <dgm:title val=""/>
  <dgm:desc val=""/>
  <dgm:catLst>
    <dgm:cat type="picture" pri="9000"/>
    <dgm:cat type="pictureconvert" pri="9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snake">
          <dgm:param type="off" val="ctr"/>
        </dgm:alg>
      </dgm:if>
      <dgm:else name="Name3">
        <dgm:alg type="snake">
          <dgm:param type="off" val="ctr"/>
          <dgm:param type="grDir" val="tR"/>
        </dgm:alg>
      </dgm:else>
    </dgm:choose>
    <dgm:shape xmlns:r="http://schemas.openxmlformats.org/officeDocument/2006/relationships" r:blip="">
      <dgm:adjLst/>
    </dgm:shape>
    <dgm:constrLst>
      <dgm:constr type="primFontSz" for="des" ptType="node" op="equ" val="65"/>
      <dgm:constr type="w" for="ch" forName="composite" refType="w"/>
      <dgm:constr type="h" for="ch" forName="composite" refType="w" fact="1.11"/>
      <dgm:constr type="sp" refType="w" refFor="ch" refForName="composite" op="equ" fact="0.1"/>
      <dgm:constr type="w" for="ch" forName="sibTrans" refType="w" refFor="ch" refForName="composite" op="equ" fact="0.1"/>
      <dgm:constr type="h" for="ch" forName="sibTrans" refType="w" refFor="ch" refForName="sibTrans" op="equ"/>
    </dgm:constrLst>
    <dgm:forEach name="nodesForEach" axis="ch" ptType="node">
      <dgm:layoutNode name="composite">
        <dgm:alg type="composite">
          <dgm:param type="ar" val="1"/>
        </dgm:alg>
        <dgm:shape xmlns:r="http://schemas.openxmlformats.org/officeDocument/2006/relationships" r:blip="">
          <dgm:adjLst/>
        </dgm:shape>
        <dgm:choose name="Name4">
          <dgm:if name="Name5" func="var" arg="dir" op="equ" val="norm">
            <dgm:constrLst>
              <dgm:constr type="l" for="ch" forName="rect1" refType="w" fact="0"/>
              <dgm:constr type="t" for="ch" forName="rect1" refType="h" fact="0"/>
              <dgm:constr type="w" for="ch" forName="rect1" refType="w"/>
              <dgm:constr type="h" for="ch" forName="rect1" refType="h" fact="0.8"/>
              <dgm:constr type="l" for="ch" forName="wedgeRectCallout1" refType="w" fact="0.09"/>
              <dgm:constr type="t" for="ch" forName="wedgeRectCallout1" refType="h" fact="0.72"/>
              <dgm:constr type="w" for="ch" forName="wedgeRectCallout1" refType="w" fact="0.89"/>
              <dgm:constr type="h" for="ch" forName="wedgeRectCallout1" refType="h" fact="0.28"/>
            </dgm:constrLst>
          </dgm:if>
          <dgm:else name="Name6">
            <dgm:constrLst>
              <dgm:constr type="l" for="ch" forName="rect1" refType="w" fact="0"/>
              <dgm:constr type="t" for="ch" forName="rect1" refType="h" fact="0"/>
              <dgm:constr type="w" for="ch" forName="rect1" refType="w"/>
              <dgm:constr type="h" for="ch" forName="rect1" refType="h" fact="0.8"/>
              <dgm:constr type="l" for="ch" forName="wedgeRectCallout1" refType="w" fact="0.02"/>
              <dgm:constr type="t" for="ch" forName="wedgeRectCallout1" refType="h" fact="0.72"/>
              <dgm:constr type="w" for="ch" forName="wedgeRectCallout1" refType="w" fact="0.89"/>
              <dgm:constr type="h" for="ch" forName="wedgeRectCallout1" refType="h" fact="0.28"/>
            </dgm:constrLst>
          </dgm:else>
        </dgm:choose>
        <dgm:layoutNode name="rect1" styleLbl="bgImgPlace1">
          <dgm:alg type="sp"/>
          <dgm:shape xmlns:r="http://schemas.openxmlformats.org/officeDocument/2006/relationships" type="rect" r:blip="" blipPhldr="1">
            <dgm:adjLst/>
          </dgm:shape>
          <dgm:presOf/>
        </dgm:layoutNode>
        <dgm:layoutNode name="wedgeRectCallout1" styleLbl="node1">
          <dgm:varLst>
            <dgm:bulletEnabled val="1"/>
          </dgm:varLst>
          <dgm:alg type="tx"/>
          <dgm:choose name="Name7">
            <dgm:if name="Name8" func="var" arg="dir" op="equ" val="norm">
              <dgm:shape xmlns:r="http://schemas.openxmlformats.org/officeDocument/2006/relationships" type="wedgeRectCallout" r:blip="">
                <dgm:adjLst>
                  <dgm:adj idx="1" val="0.2025"/>
                  <dgm:adj idx="2" val="-0.607"/>
                </dgm:adjLst>
              </dgm:shape>
            </dgm:if>
            <dgm:else name="Name9">
              <dgm:shape xmlns:r="http://schemas.openxmlformats.org/officeDocument/2006/relationships" type="wedgeRectCallout" r:blip="">
                <dgm:adjLst>
                  <dgm:adj idx="1" val="-0.2025"/>
                  <dgm:adj idx="2" val="-0.607"/>
                </dgm:adjLst>
              </dgm:shape>
            </dgm:else>
          </dgm:choose>
          <dgm:presOf axis="desOr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E97D5D2-4525-4421-8550-6A308B903DE8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71E0FB0-3C61-402D-BAEE-59161479CB3E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8433140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62384C-B734-456F-A134-0F1DCA93ADF8}" type="slidenum">
              <a:rPr lang="ko-KR" altLang="en-US" smtClean="0"/>
              <a:pPr/>
              <a:t>1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2058931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ko-KR" altLang="en-US"/>
              <a:t>마스터 부제목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0112307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1025071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0670151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055019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543141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397566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6985314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56449081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308687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1803581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9065078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50000">
              <a:schemeClr val="bg1">
                <a:lumMod val="95000"/>
              </a:schemeClr>
            </a:gs>
            <a:gs pos="0">
              <a:schemeClr val="bg1">
                <a:lumMod val="85000"/>
              </a:schemeClr>
            </a:gs>
            <a:gs pos="100000">
              <a:schemeClr val="bg1">
                <a:lumMod val="85000"/>
              </a:schemeClr>
            </a:gs>
          </a:gsLst>
          <a:lin ang="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457200" y="205978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F275BC5-BBC5-451F-AA86-1F4039201BF5}" type="datetimeFigureOut">
              <a:rPr lang="ko-KR" altLang="en-US" smtClean="0"/>
              <a:pPr/>
              <a:t>2016-04-2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065188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1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1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diagramLayout" Target="../diagrams/layout1.xml"/><Relationship Id="rId7" Type="http://schemas.openxmlformats.org/officeDocument/2006/relationships/image" Target="../media/image22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notesSlide" Target="../notesSlides/notesSlide6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.png"/><Relationship Id="rId4" Type="http://schemas.openxmlformats.org/officeDocument/2006/relationships/image" Target="../media/image5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0.jpeg"/><Relationship Id="rId5" Type="http://schemas.openxmlformats.org/officeDocument/2006/relationships/image" Target="../media/image9.jpeg"/><Relationship Id="rId4" Type="http://schemas.openxmlformats.org/officeDocument/2006/relationships/image" Target="../media/image8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3.jpeg"/><Relationship Id="rId4" Type="http://schemas.openxmlformats.org/officeDocument/2006/relationships/image" Target="../media/image12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2571736" y="2285998"/>
            <a:ext cx="39731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56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MUSIUM MATE PRESENTATION</a:t>
            </a:r>
            <a:endParaRPr lang="ko-KR" altLang="en-US" sz="2000" dirty="0">
              <a:ln>
                <a:solidFill>
                  <a:schemeClr val="tx1">
                    <a:lumMod val="85000"/>
                    <a:lumOff val="15000"/>
                    <a:alpha val="56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2714613" y="2037497"/>
            <a:ext cx="1678270" cy="248501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TextBox 10"/>
          <p:cNvSpPr txBox="1"/>
          <p:nvPr/>
        </p:nvSpPr>
        <p:spPr>
          <a:xfrm>
            <a:off x="2928926" y="2037497"/>
            <a:ext cx="135732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0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융합프로젝트</a:t>
            </a:r>
          </a:p>
        </p:txBody>
      </p:sp>
      <p:sp>
        <p:nvSpPr>
          <p:cNvPr id="12" name="직각 삼각형 11"/>
          <p:cNvSpPr/>
          <p:nvPr/>
        </p:nvSpPr>
        <p:spPr>
          <a:xfrm>
            <a:off x="4000496" y="2037497"/>
            <a:ext cx="571504" cy="248501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직각 삼각형 12"/>
          <p:cNvSpPr/>
          <p:nvPr/>
        </p:nvSpPr>
        <p:spPr>
          <a:xfrm rot="16200000" flipH="1">
            <a:off x="4169685" y="2011612"/>
            <a:ext cx="248037" cy="300663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/>
          <p:cNvSpPr/>
          <p:nvPr/>
        </p:nvSpPr>
        <p:spPr>
          <a:xfrm>
            <a:off x="4429124" y="2037497"/>
            <a:ext cx="1928826" cy="24850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TextBox 14"/>
          <p:cNvSpPr txBox="1"/>
          <p:nvPr/>
        </p:nvSpPr>
        <p:spPr>
          <a:xfrm>
            <a:off x="4947132" y="2048383"/>
            <a:ext cx="93446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9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50" pitchFamily="18" charset="-127"/>
                <a:ea typeface="-윤고딕350" pitchFamily="18" charset="-127"/>
              </a:rPr>
              <a:t>    5</a:t>
            </a:r>
            <a:r>
              <a:rPr lang="ko-KR" altLang="en-US" sz="9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50" pitchFamily="18" charset="-127"/>
                <a:ea typeface="-윤고딕350" pitchFamily="18" charset="-127"/>
              </a:rPr>
              <a:t>조 하모니</a:t>
            </a:r>
          </a:p>
        </p:txBody>
      </p:sp>
      <p:sp>
        <p:nvSpPr>
          <p:cNvPr id="16" name="직사각형 15"/>
          <p:cNvSpPr/>
          <p:nvPr/>
        </p:nvSpPr>
        <p:spPr>
          <a:xfrm>
            <a:off x="2714612" y="2643188"/>
            <a:ext cx="3714776" cy="45719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TextBox 16"/>
          <p:cNvSpPr txBox="1"/>
          <p:nvPr/>
        </p:nvSpPr>
        <p:spPr>
          <a:xfrm>
            <a:off x="4071934" y="2714626"/>
            <a:ext cx="237626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ko-KR" altLang="en-US" sz="1000" spc="3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발표</a:t>
            </a:r>
            <a:r>
              <a:rPr lang="en-US" altLang="ko-KR" sz="1000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:</a:t>
            </a:r>
            <a:r>
              <a:rPr lang="ko-KR" altLang="en-US" sz="1000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장선영 </a:t>
            </a:r>
            <a:r>
              <a:rPr lang="ko-KR" altLang="en-US" sz="1000" spc="3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손규호</a:t>
            </a:r>
          </a:p>
        </p:txBody>
      </p:sp>
    </p:spTree>
    <p:extLst>
      <p:ext uri="{BB962C8B-B14F-4D97-AF65-F5344CB8AC3E}">
        <p14:creationId xmlns:p14="http://schemas.microsoft.com/office/powerpoint/2010/main" val="274929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/>
          <p:cNvSpPr txBox="1"/>
          <p:nvPr/>
        </p:nvSpPr>
        <p:spPr>
          <a:xfrm>
            <a:off x="2483768" y="2346434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기술팀 진행 상황</a:t>
            </a:r>
          </a:p>
        </p:txBody>
      </p:sp>
      <p:sp>
        <p:nvSpPr>
          <p:cNvPr id="12" name="직사각형 11"/>
          <p:cNvSpPr/>
          <p:nvPr/>
        </p:nvSpPr>
        <p:spPr>
          <a:xfrm>
            <a:off x="3794064" y="2192138"/>
            <a:ext cx="307916" cy="154800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직각 삼각형 12"/>
          <p:cNvSpPr/>
          <p:nvPr/>
        </p:nvSpPr>
        <p:spPr>
          <a:xfrm>
            <a:off x="4101562" y="2192138"/>
            <a:ext cx="154800" cy="154800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각 삼각형 13"/>
          <p:cNvSpPr/>
          <p:nvPr/>
        </p:nvSpPr>
        <p:spPr>
          <a:xfrm rot="16200000" flipH="1">
            <a:off x="4136654" y="2192425"/>
            <a:ext cx="154800" cy="154800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/>
          <p:cNvSpPr/>
          <p:nvPr/>
        </p:nvSpPr>
        <p:spPr>
          <a:xfrm>
            <a:off x="4287725" y="2192137"/>
            <a:ext cx="1070093" cy="1652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/>
          <p:cNvSpPr txBox="1"/>
          <p:nvPr/>
        </p:nvSpPr>
        <p:spPr>
          <a:xfrm>
            <a:off x="3786183" y="2162227"/>
            <a:ext cx="94072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03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0080178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순서도: 카드 23"/>
          <p:cNvSpPr/>
          <p:nvPr/>
        </p:nvSpPr>
        <p:spPr>
          <a:xfrm>
            <a:off x="3419872" y="596828"/>
            <a:ext cx="5607746" cy="4432382"/>
          </a:xfrm>
          <a:prstGeom prst="flowChartPunchedCard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사각형 3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2" name="그룹 6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8" name="직사각형 7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직각 삼각형 8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. </a:t>
            </a:r>
            <a:r>
              <a:rPr lang="ko-KR" altLang="en-US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16" name="그림 1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15902" y="1186631"/>
            <a:ext cx="2293766" cy="3360049"/>
          </a:xfrm>
          <a:prstGeom prst="rect">
            <a:avLst/>
          </a:prstGeom>
          <a:ln>
            <a:solidFill>
              <a:schemeClr val="accent1">
                <a:shade val="50000"/>
              </a:schemeClr>
            </a:solidFill>
          </a:ln>
        </p:spPr>
      </p:pic>
      <p:pic>
        <p:nvPicPr>
          <p:cNvPr id="17" name="그림 1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6" y="1204000"/>
            <a:ext cx="2255953" cy="3325312"/>
          </a:xfrm>
          <a:prstGeom prst="rect">
            <a:avLst/>
          </a:prstGeom>
          <a:ln>
            <a:solidFill>
              <a:schemeClr val="accent1">
                <a:shade val="50000"/>
              </a:schemeClr>
            </a:solidFill>
          </a:ln>
        </p:spPr>
      </p:pic>
      <p:sp>
        <p:nvSpPr>
          <p:cNvPr id="26" name="TextBox 25"/>
          <p:cNvSpPr txBox="1"/>
          <p:nvPr/>
        </p:nvSpPr>
        <p:spPr>
          <a:xfrm>
            <a:off x="4481170" y="4651117"/>
            <a:ext cx="96323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0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▲로그인</a:t>
            </a:r>
            <a:endParaRPr lang="ko-KR" altLang="en-US" sz="1000" b="1" spc="300" dirty="0">
              <a:ln>
                <a:solidFill>
                  <a:schemeClr val="tx1">
                    <a:lumMod val="75000"/>
                    <a:lumOff val="25000"/>
                    <a:alpha val="1000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7144459" y="4645715"/>
            <a:ext cx="121184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0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▲메인메뉴</a:t>
            </a:r>
            <a:endParaRPr lang="ko-KR" altLang="en-US" sz="1000" b="1" spc="300" dirty="0">
              <a:ln>
                <a:solidFill>
                  <a:schemeClr val="tx1">
                    <a:lumMod val="75000"/>
                    <a:lumOff val="25000"/>
                    <a:alpha val="1000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857224" y="1643056"/>
            <a:ext cx="4104456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buFont typeface="Wingdings" pitchFamily="2" charset="2"/>
              <a:buChar char="Ø"/>
            </a:pP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UI </a:t>
            </a:r>
            <a:r>
              <a:rPr lang="ko-KR" altLang="en-US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프로토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타입 완성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algn="just">
              <a:buFont typeface="Wingdings" pitchFamily="2" charset="2"/>
              <a:buChar char="Ø"/>
            </a:pP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로그인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ko-KR" altLang="en-US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메인메뉴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작품관리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지도관리</a:t>
            </a:r>
          </a:p>
        </p:txBody>
      </p:sp>
      <p:sp>
        <p:nvSpPr>
          <p:cNvPr id="23" name="TextBox 22"/>
          <p:cNvSpPr txBox="1"/>
          <p:nvPr/>
        </p:nvSpPr>
        <p:spPr>
          <a:xfrm>
            <a:off x="323017" y="987574"/>
            <a:ext cx="323743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</a:pPr>
            <a:r>
              <a:rPr lang="ko-KR" altLang="en-US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관리자 </a:t>
            </a:r>
            <a:r>
              <a:rPr lang="en-US" altLang="ko-KR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  <a:endParaRPr lang="en-US" altLang="ko-KR" sz="24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12394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순서도: 카드 23"/>
          <p:cNvSpPr/>
          <p:nvPr/>
        </p:nvSpPr>
        <p:spPr>
          <a:xfrm>
            <a:off x="3419872" y="596828"/>
            <a:ext cx="5607746" cy="4432382"/>
          </a:xfrm>
          <a:prstGeom prst="flowChartPunchedCard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사각형 3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2" name="그룹 6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8" name="직사각형 7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직각 삼각형 8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. </a:t>
            </a:r>
            <a:r>
              <a:rPr lang="ko-KR" altLang="en-US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20" name="그림 1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16353" y="915566"/>
            <a:ext cx="3352342" cy="2728574"/>
          </a:xfrm>
          <a:prstGeom prst="rect">
            <a:avLst/>
          </a:prstGeom>
          <a:ln>
            <a:solidFill>
              <a:schemeClr val="accent1">
                <a:shade val="50000"/>
              </a:schemeClr>
            </a:solidFill>
          </a:ln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67886" y="2116011"/>
            <a:ext cx="3352342" cy="2682913"/>
          </a:xfrm>
          <a:prstGeom prst="rect">
            <a:avLst/>
          </a:prstGeom>
          <a:ln>
            <a:solidFill>
              <a:schemeClr val="accent1">
                <a:shade val="50000"/>
              </a:schemeClr>
            </a:solidFill>
          </a:ln>
        </p:spPr>
      </p:pic>
      <p:sp>
        <p:nvSpPr>
          <p:cNvPr id="23" name="TextBox 22"/>
          <p:cNvSpPr txBox="1"/>
          <p:nvPr/>
        </p:nvSpPr>
        <p:spPr>
          <a:xfrm>
            <a:off x="323017" y="987574"/>
            <a:ext cx="323743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</a:pPr>
            <a:r>
              <a:rPr lang="ko-KR" altLang="en-US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관리자 </a:t>
            </a:r>
            <a:r>
              <a:rPr lang="en-US" altLang="ko-KR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  <a:endParaRPr lang="en-US" altLang="ko-KR" sz="24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4138895" y="3748577"/>
            <a:ext cx="112160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0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▲지도관리</a:t>
            </a:r>
            <a:endParaRPr lang="ko-KR" altLang="en-US" sz="1000" b="1" spc="300" dirty="0">
              <a:ln>
                <a:solidFill>
                  <a:schemeClr val="tx1">
                    <a:lumMod val="75000"/>
                    <a:lumOff val="25000"/>
                    <a:alpha val="1000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7424595" y="1760637"/>
            <a:ext cx="112160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0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▼작품관리</a:t>
            </a:r>
            <a:endParaRPr lang="ko-KR" altLang="en-US" sz="1000" b="1" spc="300" dirty="0">
              <a:ln>
                <a:solidFill>
                  <a:schemeClr val="tx1">
                    <a:lumMod val="75000"/>
                    <a:lumOff val="25000"/>
                    <a:alpha val="1000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857224" y="1643056"/>
            <a:ext cx="4104456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buFont typeface="Wingdings" pitchFamily="2" charset="2"/>
              <a:buChar char="Ø"/>
            </a:pP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UI </a:t>
            </a:r>
            <a:r>
              <a:rPr lang="ko-KR" altLang="en-US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프로토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타입 완성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algn="just">
              <a:buFont typeface="Wingdings" pitchFamily="2" charset="2"/>
              <a:buChar char="Ø"/>
            </a:pP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로그인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ko-KR" altLang="en-US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메인메뉴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작품관리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지도관리</a:t>
            </a:r>
          </a:p>
        </p:txBody>
      </p:sp>
    </p:spTree>
    <p:extLst>
      <p:ext uri="{BB962C8B-B14F-4D97-AF65-F5344CB8AC3E}">
        <p14:creationId xmlns:p14="http://schemas.microsoft.com/office/powerpoint/2010/main" val="319378386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직사각형 16"/>
          <p:cNvSpPr/>
          <p:nvPr/>
        </p:nvSpPr>
        <p:spPr>
          <a:xfrm>
            <a:off x="3275855" y="0"/>
            <a:ext cx="5896108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사각형 3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2" name="그룹 6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8" name="직사각형 7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직각 삼각형 8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. </a:t>
            </a:r>
            <a:r>
              <a:rPr lang="ko-KR" altLang="en-US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16" name="그림 15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5896" y="916900"/>
            <a:ext cx="5240130" cy="3931741"/>
          </a:xfrm>
          <a:prstGeom prst="rect">
            <a:avLst/>
          </a:prstGeom>
        </p:spPr>
      </p:pic>
      <p:sp>
        <p:nvSpPr>
          <p:cNvPr id="27" name="TextBox 26"/>
          <p:cNvSpPr txBox="1"/>
          <p:nvPr/>
        </p:nvSpPr>
        <p:spPr>
          <a:xfrm>
            <a:off x="7022460" y="4665921"/>
            <a:ext cx="21005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r">
              <a:buFont typeface="Wingdings" panose="05000000000000000000" pitchFamily="2" charset="2"/>
              <a:buChar char="v"/>
            </a:pPr>
            <a:r>
              <a:rPr lang="en-US" altLang="ko-KR" sz="9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Class Diagram</a:t>
            </a:r>
          </a:p>
          <a:p>
            <a:pPr algn="r"/>
            <a:r>
              <a:rPr lang="en-US" altLang="ko-KR" sz="9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using ObjectAid</a:t>
            </a:r>
            <a:endParaRPr lang="ko-KR" altLang="en-US" sz="900" b="1" spc="300" dirty="0">
              <a:ln>
                <a:solidFill>
                  <a:schemeClr val="tx1">
                    <a:lumMod val="75000"/>
                    <a:lumOff val="25000"/>
                    <a:alpha val="1000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285720" y="928676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ko-KR" altLang="en-US" b="1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서버 기능 구현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500034" y="2357436"/>
            <a:ext cx="4104456" cy="21698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  <a:buFont typeface="Wingdings" pitchFamily="2" charset="2"/>
              <a:buChar char="Ø"/>
            </a:pP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관리자 서버 기능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공지사항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업데이트 날짜 확인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전시물 이미지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전시물 설명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500034" y="1285866"/>
            <a:ext cx="4104456" cy="8586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  <a:buFont typeface="Wingdings" pitchFamily="2" charset="2"/>
              <a:buChar char="Ø"/>
            </a:pP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중앙 서버 기능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</a:pP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관람자</a:t>
            </a: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-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전시관 연결 지원</a:t>
            </a:r>
            <a:endParaRPr lang="en-US" altLang="ko-KR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75601069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평행 사변형 39"/>
          <p:cNvSpPr/>
          <p:nvPr/>
        </p:nvSpPr>
        <p:spPr>
          <a:xfrm>
            <a:off x="-259611" y="1152826"/>
            <a:ext cx="5688632" cy="3789554"/>
          </a:xfrm>
          <a:prstGeom prst="parallelogram">
            <a:avLst/>
          </a:prstGeom>
          <a:solidFill>
            <a:schemeClr val="bg1">
              <a:lumMod val="95000"/>
            </a:scheme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평행 사변형 38"/>
          <p:cNvSpPr/>
          <p:nvPr/>
        </p:nvSpPr>
        <p:spPr>
          <a:xfrm>
            <a:off x="3707904" y="1137224"/>
            <a:ext cx="5688632" cy="3810790"/>
          </a:xfrm>
          <a:prstGeom prst="parallelogram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사각형 3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7" name="그룹 6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8" name="직사각형 7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직각 삼각형 8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. </a:t>
            </a:r>
            <a:r>
              <a:rPr lang="ko-KR" altLang="en-US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23" name="TextBox 22"/>
          <p:cNvSpPr txBox="1"/>
          <p:nvPr/>
        </p:nvSpPr>
        <p:spPr>
          <a:xfrm>
            <a:off x="323272" y="483518"/>
            <a:ext cx="4032959" cy="5816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</a:pPr>
            <a:r>
              <a:rPr lang="ko-KR" altLang="en-US" sz="240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서버 </a:t>
            </a:r>
            <a:r>
              <a:rPr lang="en-US" altLang="ko-KR" sz="240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DB </a:t>
            </a:r>
            <a:r>
              <a:rPr lang="ko-KR" altLang="en-US" sz="240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설계</a:t>
            </a:r>
            <a:endParaRPr lang="ko-KR" altLang="en-US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pic>
        <p:nvPicPr>
          <p:cNvPr id="2" name="그림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5615" y="2574038"/>
            <a:ext cx="4073185" cy="101080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3" name="그림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07835" y="1728631"/>
            <a:ext cx="3621937" cy="307536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42" name="모서리가 둥근 직사각형 41"/>
          <p:cNvSpPr/>
          <p:nvPr/>
        </p:nvSpPr>
        <p:spPr>
          <a:xfrm>
            <a:off x="545993" y="3556708"/>
            <a:ext cx="1032656" cy="339453"/>
          </a:xfrm>
          <a:prstGeom prst="round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altLang="ko-KR" sz="140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&lt; </a:t>
            </a:r>
            <a:r>
              <a:rPr lang="ko-KR" altLang="en-US" sz="140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전시관 </a:t>
            </a:r>
            <a:r>
              <a:rPr lang="en-US" altLang="ko-KR" sz="140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&gt;</a:t>
            </a:r>
            <a:endParaRPr lang="ko-KR" altLang="en-US" sz="140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rgbClr val="002060"/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43" name="모서리가 둥근 직사각형 42"/>
          <p:cNvSpPr/>
          <p:nvPr/>
        </p:nvSpPr>
        <p:spPr>
          <a:xfrm>
            <a:off x="2883888" y="3502730"/>
            <a:ext cx="1032656" cy="339453"/>
          </a:xfrm>
          <a:prstGeom prst="round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altLang="ko-KR" sz="140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&lt; GPS</a:t>
            </a:r>
            <a:r>
              <a:rPr lang="ko-KR" altLang="en-US" sz="140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140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&gt;</a:t>
            </a:r>
            <a:endParaRPr lang="ko-KR" altLang="en-US" sz="140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rgbClr val="002060"/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44" name="모서리가 둥근 직사각형 43"/>
          <p:cNvSpPr/>
          <p:nvPr/>
        </p:nvSpPr>
        <p:spPr>
          <a:xfrm>
            <a:off x="5595185" y="1584225"/>
            <a:ext cx="1032656" cy="339453"/>
          </a:xfrm>
          <a:prstGeom prst="round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altLang="ko-KR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&lt; </a:t>
            </a:r>
            <a:r>
              <a:rPr lang="ko-KR" altLang="en-US" sz="1400" b="1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지도</a:t>
            </a:r>
            <a:r>
              <a:rPr lang="ko-KR" altLang="en-US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&gt;</a:t>
            </a:r>
            <a:endParaRPr lang="ko-KR" altLang="en-US" sz="14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rgbClr val="002060"/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45" name="모서리가 둥근 직사각형 44"/>
          <p:cNvSpPr/>
          <p:nvPr/>
        </p:nvSpPr>
        <p:spPr>
          <a:xfrm>
            <a:off x="7826662" y="1505933"/>
            <a:ext cx="1032656" cy="339453"/>
          </a:xfrm>
          <a:prstGeom prst="round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altLang="ko-KR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&lt; </a:t>
            </a:r>
            <a:r>
              <a:rPr lang="ko-KR" altLang="en-US" sz="1400" b="1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비콘</a:t>
            </a:r>
            <a:r>
              <a:rPr lang="ko-KR" altLang="en-US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&gt;</a:t>
            </a:r>
            <a:endParaRPr lang="ko-KR" altLang="en-US" sz="14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rgbClr val="002060"/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48" name="모서리가 둥근 직사각형 47"/>
          <p:cNvSpPr/>
          <p:nvPr/>
        </p:nvSpPr>
        <p:spPr>
          <a:xfrm>
            <a:off x="7837910" y="4700867"/>
            <a:ext cx="1032656" cy="339453"/>
          </a:xfrm>
          <a:prstGeom prst="round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just"/>
            <a:r>
              <a:rPr lang="en-US" altLang="ko-KR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&lt;</a:t>
            </a:r>
            <a:r>
              <a:rPr lang="ko-KR" altLang="en-US" sz="1400" b="1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전시물</a:t>
            </a:r>
            <a:r>
              <a:rPr lang="en-US" altLang="ko-KR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&gt;</a:t>
            </a:r>
          </a:p>
        </p:txBody>
      </p:sp>
      <p:sp>
        <p:nvSpPr>
          <p:cNvPr id="49" name="모서리가 둥근 직사각형 48"/>
          <p:cNvSpPr/>
          <p:nvPr/>
        </p:nvSpPr>
        <p:spPr>
          <a:xfrm>
            <a:off x="5690087" y="2575234"/>
            <a:ext cx="1032656" cy="339453"/>
          </a:xfrm>
          <a:prstGeom prst="round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ko-KR" altLang="en-US" sz="14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rgbClr val="002060"/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50" name="모서리가 둥근 직사각형 49"/>
          <p:cNvSpPr/>
          <p:nvPr/>
        </p:nvSpPr>
        <p:spPr>
          <a:xfrm>
            <a:off x="5377109" y="4618529"/>
            <a:ext cx="1250732" cy="339453"/>
          </a:xfrm>
          <a:prstGeom prst="round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just"/>
            <a:r>
              <a:rPr lang="en-US" altLang="ko-KR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&lt;</a:t>
            </a:r>
            <a:r>
              <a:rPr lang="ko-KR" altLang="en-US" sz="1400" b="1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공유블록</a:t>
            </a:r>
            <a:r>
              <a:rPr lang="ko-KR" altLang="en-US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en-US" altLang="ko-KR" sz="1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&gt;</a:t>
            </a:r>
          </a:p>
        </p:txBody>
      </p:sp>
      <p:sp>
        <p:nvSpPr>
          <p:cNvPr id="51" name="TextBox 50"/>
          <p:cNvSpPr txBox="1"/>
          <p:nvPr/>
        </p:nvSpPr>
        <p:spPr>
          <a:xfrm>
            <a:off x="-504289" y="4501261"/>
            <a:ext cx="21005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r">
              <a:buFont typeface="Wingdings" panose="05000000000000000000" pitchFamily="2" charset="2"/>
              <a:buChar char="v"/>
            </a:pPr>
            <a:r>
              <a:rPr lang="en-US" altLang="ko-KR" sz="9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E-R Diagram</a:t>
            </a:r>
          </a:p>
          <a:p>
            <a:pPr algn="r"/>
            <a:r>
              <a:rPr lang="en-US" altLang="ko-KR" sz="9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using StarUML</a:t>
            </a:r>
            <a:endParaRPr lang="ko-KR" altLang="en-US" sz="900" b="1" spc="300" dirty="0">
              <a:ln>
                <a:solidFill>
                  <a:schemeClr val="tx1">
                    <a:lumMod val="75000"/>
                    <a:lumOff val="25000"/>
                    <a:alpha val="1000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1071538" y="1857370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buFont typeface="Wingdings" pitchFamily="2" charset="2"/>
              <a:buChar char="Ø"/>
            </a:pP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중앙 서버 </a:t>
            </a: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DB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4857752" y="928676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buFont typeface="Wingdings" pitchFamily="2" charset="2"/>
              <a:buChar char="Ø"/>
            </a:pP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관리자 서버 </a:t>
            </a:r>
            <a:r>
              <a:rPr lang="en-US" altLang="ko-KR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DB</a:t>
            </a:r>
          </a:p>
        </p:txBody>
      </p:sp>
      <p:sp>
        <p:nvSpPr>
          <p:cNvPr id="32" name="TextBox 31"/>
          <p:cNvSpPr txBox="1"/>
          <p:nvPr/>
        </p:nvSpPr>
        <p:spPr>
          <a:xfrm>
            <a:off x="5786446" y="2571750"/>
            <a:ext cx="92869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&lt; </a:t>
            </a:r>
            <a:r>
              <a:rPr lang="ko-KR" altLang="en-US" sz="1400" b="1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블록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</a:t>
            </a:r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rgbClr val="002060"/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&gt;</a:t>
            </a:r>
          </a:p>
        </p:txBody>
      </p:sp>
    </p:spTree>
    <p:extLst>
      <p:ext uri="{BB962C8B-B14F-4D97-AF65-F5344CB8AC3E}">
        <p14:creationId xmlns:p14="http://schemas.microsoft.com/office/powerpoint/2010/main" val="303256108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직사각형 3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7" name="그룹 6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8" name="직사각형 7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직각 삼각형 8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. </a:t>
            </a:r>
            <a:r>
              <a:rPr lang="ko-KR" altLang="en-US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23" name="TextBox 22"/>
          <p:cNvSpPr txBox="1"/>
          <p:nvPr/>
        </p:nvSpPr>
        <p:spPr>
          <a:xfrm>
            <a:off x="323272" y="555526"/>
            <a:ext cx="510574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</a:pPr>
            <a:r>
              <a:rPr lang="ko-KR" altLang="en-US" sz="24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비콘</a:t>
            </a:r>
            <a:r>
              <a:rPr lang="en-US" altLang="ko-KR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ko-KR" altLang="en-US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기반 위치 인식 기술 연구 경과</a:t>
            </a:r>
            <a:endParaRPr lang="ko-KR" altLang="en-US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graphicFrame>
        <p:nvGraphicFramePr>
          <p:cNvPr id="15" name="다이어그램 14"/>
          <p:cNvGraphicFramePr/>
          <p:nvPr>
            <p:extLst/>
          </p:nvPr>
        </p:nvGraphicFramePr>
        <p:xfrm>
          <a:off x="2016206" y="2067026"/>
          <a:ext cx="5157450" cy="23042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곱셈 기호 1"/>
          <p:cNvSpPr/>
          <p:nvPr/>
        </p:nvSpPr>
        <p:spPr>
          <a:xfrm>
            <a:off x="1880088" y="462148"/>
            <a:ext cx="5436114" cy="5205946"/>
          </a:xfrm>
          <a:prstGeom prst="mathMultiply">
            <a:avLst>
              <a:gd name="adj1" fmla="val 5992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7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ackgroundRemoval t="0" b="100000" l="0" r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7207" y="2082628"/>
            <a:ext cx="6395447" cy="2160240"/>
          </a:xfrm>
          <a:prstGeom prst="rect">
            <a:avLst/>
          </a:prstGeom>
          <a:ln w="19050">
            <a:solidFill>
              <a:srgbClr val="0070C0"/>
            </a:solidFill>
            <a:prstDash val="sysDot"/>
          </a:ln>
        </p:spPr>
      </p:pic>
    </p:spTree>
    <p:extLst>
      <p:ext uri="{BB962C8B-B14F-4D97-AF65-F5344CB8AC3E}">
        <p14:creationId xmlns:p14="http://schemas.microsoft.com/office/powerpoint/2010/main" val="33630759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/>
      <p:bldGraphic spid="15" grpId="0">
        <p:bldAsOne/>
      </p:bldGraphic>
      <p:bldGraphic spid="15" grpId="1">
        <p:bldAsOne/>
      </p:bldGraphic>
      <p:bldP spid="2" grpId="0" animBg="1"/>
      <p:bldP spid="2" grpId="1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직사각형 3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7" name="그룹 6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8" name="직사각형 7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직각 삼각형 8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. </a:t>
            </a:r>
            <a:r>
              <a:rPr lang="ko-KR" altLang="en-US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23" name="TextBox 22"/>
          <p:cNvSpPr txBox="1"/>
          <p:nvPr/>
        </p:nvSpPr>
        <p:spPr>
          <a:xfrm>
            <a:off x="323272" y="555526"/>
            <a:ext cx="510574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</a:pPr>
            <a:r>
              <a:rPr lang="ko-KR" altLang="en-US" sz="24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비콘</a:t>
            </a:r>
            <a:r>
              <a:rPr lang="en-US" altLang="ko-KR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ko-KR" altLang="en-US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기반 위치 인식 기술 연구 경과</a:t>
            </a:r>
            <a:endParaRPr lang="ko-KR" altLang="en-US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18" name="직사각형 17"/>
          <p:cNvSpPr/>
          <p:nvPr/>
        </p:nvSpPr>
        <p:spPr>
          <a:xfrm>
            <a:off x="854710" y="1844919"/>
            <a:ext cx="2317757" cy="1854206"/>
          </a:xfrm>
          <a:prstGeom prst="rect">
            <a:avLst/>
          </a:prstGeom>
          <a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l="-15000" r="-15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9" name="자유형 18"/>
          <p:cNvSpPr/>
          <p:nvPr/>
        </p:nvSpPr>
        <p:spPr>
          <a:xfrm>
            <a:off x="1063308" y="3513704"/>
            <a:ext cx="2062804" cy="648972"/>
          </a:xfrm>
          <a:custGeom>
            <a:avLst/>
            <a:gdLst>
              <a:gd name="connsiteX0" fmla="*/ 0 w 2062804"/>
              <a:gd name="connsiteY0" fmla="*/ 0 h 648972"/>
              <a:gd name="connsiteX1" fmla="*/ 1203302 w 2062804"/>
              <a:gd name="connsiteY1" fmla="*/ 0 h 648972"/>
              <a:gd name="connsiteX2" fmla="*/ 1449120 w 2062804"/>
              <a:gd name="connsiteY2" fmla="*/ -69440 h 648972"/>
              <a:gd name="connsiteX3" fmla="*/ 1719003 w 2062804"/>
              <a:gd name="connsiteY3" fmla="*/ 0 h 648972"/>
              <a:gd name="connsiteX4" fmla="*/ 2062804 w 2062804"/>
              <a:gd name="connsiteY4" fmla="*/ 0 h 648972"/>
              <a:gd name="connsiteX5" fmla="*/ 2062804 w 2062804"/>
              <a:gd name="connsiteY5" fmla="*/ 108162 h 648972"/>
              <a:gd name="connsiteX6" fmla="*/ 2062804 w 2062804"/>
              <a:gd name="connsiteY6" fmla="*/ 108162 h 648972"/>
              <a:gd name="connsiteX7" fmla="*/ 2062804 w 2062804"/>
              <a:gd name="connsiteY7" fmla="*/ 270405 h 648972"/>
              <a:gd name="connsiteX8" fmla="*/ 2062804 w 2062804"/>
              <a:gd name="connsiteY8" fmla="*/ 648972 h 648972"/>
              <a:gd name="connsiteX9" fmla="*/ 1719003 w 2062804"/>
              <a:gd name="connsiteY9" fmla="*/ 648972 h 648972"/>
              <a:gd name="connsiteX10" fmla="*/ 1203302 w 2062804"/>
              <a:gd name="connsiteY10" fmla="*/ 648972 h 648972"/>
              <a:gd name="connsiteX11" fmla="*/ 1203302 w 2062804"/>
              <a:gd name="connsiteY11" fmla="*/ 648972 h 648972"/>
              <a:gd name="connsiteX12" fmla="*/ 0 w 2062804"/>
              <a:gd name="connsiteY12" fmla="*/ 648972 h 648972"/>
              <a:gd name="connsiteX13" fmla="*/ 0 w 2062804"/>
              <a:gd name="connsiteY13" fmla="*/ 270405 h 648972"/>
              <a:gd name="connsiteX14" fmla="*/ 0 w 2062804"/>
              <a:gd name="connsiteY14" fmla="*/ 108162 h 648972"/>
              <a:gd name="connsiteX15" fmla="*/ 0 w 2062804"/>
              <a:gd name="connsiteY15" fmla="*/ 108162 h 648972"/>
              <a:gd name="connsiteX16" fmla="*/ 0 w 2062804"/>
              <a:gd name="connsiteY16" fmla="*/ 0 h 6489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2062804" h="648972">
                <a:moveTo>
                  <a:pt x="0" y="0"/>
                </a:moveTo>
                <a:lnTo>
                  <a:pt x="1203302" y="0"/>
                </a:lnTo>
                <a:lnTo>
                  <a:pt x="1449120" y="-69440"/>
                </a:lnTo>
                <a:lnTo>
                  <a:pt x="1719003" y="0"/>
                </a:lnTo>
                <a:lnTo>
                  <a:pt x="2062804" y="0"/>
                </a:lnTo>
                <a:lnTo>
                  <a:pt x="2062804" y="108162"/>
                </a:lnTo>
                <a:lnTo>
                  <a:pt x="2062804" y="108162"/>
                </a:lnTo>
                <a:lnTo>
                  <a:pt x="2062804" y="270405"/>
                </a:lnTo>
                <a:lnTo>
                  <a:pt x="2062804" y="648972"/>
                </a:lnTo>
                <a:lnTo>
                  <a:pt x="1719003" y="648972"/>
                </a:lnTo>
                <a:lnTo>
                  <a:pt x="1203302" y="648972"/>
                </a:lnTo>
                <a:lnTo>
                  <a:pt x="1203302" y="648972"/>
                </a:lnTo>
                <a:lnTo>
                  <a:pt x="0" y="648972"/>
                </a:lnTo>
                <a:lnTo>
                  <a:pt x="0" y="270405"/>
                </a:lnTo>
                <a:lnTo>
                  <a:pt x="0" y="108162"/>
                </a:lnTo>
                <a:lnTo>
                  <a:pt x="0" y="108162"/>
                </a:lnTo>
                <a:lnTo>
                  <a:pt x="0" y="0"/>
                </a:lnTo>
                <a:close/>
              </a:path>
            </a:pathLst>
          </a:custGeom>
          <a:solidFill>
            <a:schemeClr val="tx2">
              <a:lumMod val="7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530" tIns="49530" rIns="49530" bIns="49530" numCol="1" spcCol="1270" anchor="ctr" anchorCtr="0">
            <a:noAutofit/>
          </a:bodyPr>
          <a:lstStyle/>
          <a:p>
            <a:pPr marL="0" lvl="0" indent="0" algn="ctr" defTabSz="5778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altLang="ko-KR" sz="1300" kern="1200" dirty="0">
                <a:latin typeface="나눔바른고딕 Light" panose="020B0603020101020101" pitchFamily="50" charset="-127"/>
                <a:ea typeface="나눔바른고딕 Light" panose="020B0603020101020101" pitchFamily="50" charset="-127"/>
              </a:rPr>
              <a:t>Proximity</a:t>
            </a:r>
            <a:endParaRPr lang="ko-KR" altLang="en-US" sz="1300" kern="1200" dirty="0">
              <a:latin typeface="나눔바른고딕 Light" panose="020B0603020101020101" pitchFamily="50" charset="-127"/>
              <a:ea typeface="나눔바른고딕 Light" panose="020B0603020101020101" pitchFamily="50" charset="-127"/>
            </a:endParaRPr>
          </a:p>
        </p:txBody>
      </p:sp>
      <p:sp>
        <p:nvSpPr>
          <p:cNvPr id="20" name="직사각형 19"/>
          <p:cNvSpPr/>
          <p:nvPr/>
        </p:nvSpPr>
        <p:spPr>
          <a:xfrm>
            <a:off x="3404243" y="1844919"/>
            <a:ext cx="2317757" cy="1854206"/>
          </a:xfrm>
          <a:prstGeom prst="rect">
            <a:avLst/>
          </a:prstGeom>
          <a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t="-16000" b="-16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1" name="자유형 20"/>
          <p:cNvSpPr/>
          <p:nvPr/>
        </p:nvSpPr>
        <p:spPr>
          <a:xfrm>
            <a:off x="3612841" y="3513704"/>
            <a:ext cx="2062804" cy="648972"/>
          </a:xfrm>
          <a:custGeom>
            <a:avLst/>
            <a:gdLst>
              <a:gd name="connsiteX0" fmla="*/ 0 w 2062804"/>
              <a:gd name="connsiteY0" fmla="*/ 0 h 648972"/>
              <a:gd name="connsiteX1" fmla="*/ 1203302 w 2062804"/>
              <a:gd name="connsiteY1" fmla="*/ 0 h 648972"/>
              <a:gd name="connsiteX2" fmla="*/ 1449120 w 2062804"/>
              <a:gd name="connsiteY2" fmla="*/ -69440 h 648972"/>
              <a:gd name="connsiteX3" fmla="*/ 1719003 w 2062804"/>
              <a:gd name="connsiteY3" fmla="*/ 0 h 648972"/>
              <a:gd name="connsiteX4" fmla="*/ 2062804 w 2062804"/>
              <a:gd name="connsiteY4" fmla="*/ 0 h 648972"/>
              <a:gd name="connsiteX5" fmla="*/ 2062804 w 2062804"/>
              <a:gd name="connsiteY5" fmla="*/ 108162 h 648972"/>
              <a:gd name="connsiteX6" fmla="*/ 2062804 w 2062804"/>
              <a:gd name="connsiteY6" fmla="*/ 108162 h 648972"/>
              <a:gd name="connsiteX7" fmla="*/ 2062804 w 2062804"/>
              <a:gd name="connsiteY7" fmla="*/ 270405 h 648972"/>
              <a:gd name="connsiteX8" fmla="*/ 2062804 w 2062804"/>
              <a:gd name="connsiteY8" fmla="*/ 648972 h 648972"/>
              <a:gd name="connsiteX9" fmla="*/ 1719003 w 2062804"/>
              <a:gd name="connsiteY9" fmla="*/ 648972 h 648972"/>
              <a:gd name="connsiteX10" fmla="*/ 1203302 w 2062804"/>
              <a:gd name="connsiteY10" fmla="*/ 648972 h 648972"/>
              <a:gd name="connsiteX11" fmla="*/ 1203302 w 2062804"/>
              <a:gd name="connsiteY11" fmla="*/ 648972 h 648972"/>
              <a:gd name="connsiteX12" fmla="*/ 0 w 2062804"/>
              <a:gd name="connsiteY12" fmla="*/ 648972 h 648972"/>
              <a:gd name="connsiteX13" fmla="*/ 0 w 2062804"/>
              <a:gd name="connsiteY13" fmla="*/ 270405 h 648972"/>
              <a:gd name="connsiteX14" fmla="*/ 0 w 2062804"/>
              <a:gd name="connsiteY14" fmla="*/ 108162 h 648972"/>
              <a:gd name="connsiteX15" fmla="*/ 0 w 2062804"/>
              <a:gd name="connsiteY15" fmla="*/ 108162 h 648972"/>
              <a:gd name="connsiteX16" fmla="*/ 0 w 2062804"/>
              <a:gd name="connsiteY16" fmla="*/ 0 h 6489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2062804" h="648972">
                <a:moveTo>
                  <a:pt x="0" y="0"/>
                </a:moveTo>
                <a:lnTo>
                  <a:pt x="1203302" y="0"/>
                </a:lnTo>
                <a:lnTo>
                  <a:pt x="1449120" y="-69440"/>
                </a:lnTo>
                <a:lnTo>
                  <a:pt x="1719003" y="0"/>
                </a:lnTo>
                <a:lnTo>
                  <a:pt x="2062804" y="0"/>
                </a:lnTo>
                <a:lnTo>
                  <a:pt x="2062804" y="108162"/>
                </a:lnTo>
                <a:lnTo>
                  <a:pt x="2062804" y="108162"/>
                </a:lnTo>
                <a:lnTo>
                  <a:pt x="2062804" y="270405"/>
                </a:lnTo>
                <a:lnTo>
                  <a:pt x="2062804" y="648972"/>
                </a:lnTo>
                <a:lnTo>
                  <a:pt x="1719003" y="648972"/>
                </a:lnTo>
                <a:lnTo>
                  <a:pt x="1203302" y="648972"/>
                </a:lnTo>
                <a:lnTo>
                  <a:pt x="1203302" y="648972"/>
                </a:lnTo>
                <a:lnTo>
                  <a:pt x="0" y="648972"/>
                </a:lnTo>
                <a:lnTo>
                  <a:pt x="0" y="270405"/>
                </a:lnTo>
                <a:lnTo>
                  <a:pt x="0" y="108162"/>
                </a:lnTo>
                <a:lnTo>
                  <a:pt x="0" y="108162"/>
                </a:lnTo>
                <a:lnTo>
                  <a:pt x="0" y="0"/>
                </a:lnTo>
                <a:close/>
              </a:path>
            </a:pathLst>
          </a:custGeom>
          <a:solidFill>
            <a:schemeClr val="tx2">
              <a:lumMod val="7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530" tIns="49530" rIns="49530" bIns="49530" numCol="1" spcCol="1270" anchor="ctr" anchorCtr="0">
            <a:noAutofit/>
          </a:bodyPr>
          <a:lstStyle/>
          <a:p>
            <a:pPr marL="0" lvl="0" indent="0" algn="ctr" defTabSz="5778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altLang="ko-KR" sz="1300" kern="1200" dirty="0">
                <a:latin typeface="나눔바른고딕 Light" panose="020B0603020101020101" pitchFamily="50" charset="-127"/>
                <a:ea typeface="나눔바른고딕 Light" panose="020B0603020101020101" pitchFamily="50" charset="-127"/>
              </a:rPr>
              <a:t>RSSI </a:t>
            </a:r>
            <a:r>
              <a:rPr lang="en-US" altLang="ko-KR" sz="1300" kern="1200" dirty="0" err="1">
                <a:latin typeface="나눔바른고딕 Light" panose="020B0603020101020101" pitchFamily="50" charset="-127"/>
                <a:ea typeface="나눔바른고딕 Light" panose="020B0603020101020101" pitchFamily="50" charset="-127"/>
              </a:rPr>
              <a:t>Knn</a:t>
            </a:r>
            <a:r>
              <a:rPr lang="en-US" altLang="ko-KR" sz="1300" kern="1200" dirty="0">
                <a:latin typeface="나눔바른고딕 Light" panose="020B0603020101020101" pitchFamily="50" charset="-127"/>
                <a:ea typeface="나눔바른고딕 Light" panose="020B0603020101020101" pitchFamily="50" charset="-127"/>
              </a:rPr>
              <a:t> Cell Categorization</a:t>
            </a:r>
            <a:endParaRPr lang="ko-KR" altLang="en-US" sz="1300" kern="1200" dirty="0">
              <a:latin typeface="나눔바른고딕 Light" panose="020B0603020101020101" pitchFamily="50" charset="-127"/>
              <a:ea typeface="나눔바른고딕 Light" panose="020B0603020101020101" pitchFamily="50" charset="-127"/>
            </a:endParaRPr>
          </a:p>
        </p:txBody>
      </p:sp>
      <p:sp>
        <p:nvSpPr>
          <p:cNvPr id="22" name="직사각형 21"/>
          <p:cNvSpPr/>
          <p:nvPr/>
        </p:nvSpPr>
        <p:spPr>
          <a:xfrm>
            <a:off x="5953776" y="1844919"/>
            <a:ext cx="2317757" cy="1854206"/>
          </a:xfrm>
          <a:prstGeom prst="rect">
            <a:avLst/>
          </a:prstGeom>
          <a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l="-4000" r="-4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4" name="자유형 23"/>
          <p:cNvSpPr/>
          <p:nvPr/>
        </p:nvSpPr>
        <p:spPr>
          <a:xfrm>
            <a:off x="6162374" y="3513704"/>
            <a:ext cx="2062804" cy="648972"/>
          </a:xfrm>
          <a:custGeom>
            <a:avLst/>
            <a:gdLst>
              <a:gd name="connsiteX0" fmla="*/ 0 w 2062804"/>
              <a:gd name="connsiteY0" fmla="*/ 0 h 648972"/>
              <a:gd name="connsiteX1" fmla="*/ 1203302 w 2062804"/>
              <a:gd name="connsiteY1" fmla="*/ 0 h 648972"/>
              <a:gd name="connsiteX2" fmla="*/ 1449120 w 2062804"/>
              <a:gd name="connsiteY2" fmla="*/ -69440 h 648972"/>
              <a:gd name="connsiteX3" fmla="*/ 1719003 w 2062804"/>
              <a:gd name="connsiteY3" fmla="*/ 0 h 648972"/>
              <a:gd name="connsiteX4" fmla="*/ 2062804 w 2062804"/>
              <a:gd name="connsiteY4" fmla="*/ 0 h 648972"/>
              <a:gd name="connsiteX5" fmla="*/ 2062804 w 2062804"/>
              <a:gd name="connsiteY5" fmla="*/ 108162 h 648972"/>
              <a:gd name="connsiteX6" fmla="*/ 2062804 w 2062804"/>
              <a:gd name="connsiteY6" fmla="*/ 108162 h 648972"/>
              <a:gd name="connsiteX7" fmla="*/ 2062804 w 2062804"/>
              <a:gd name="connsiteY7" fmla="*/ 270405 h 648972"/>
              <a:gd name="connsiteX8" fmla="*/ 2062804 w 2062804"/>
              <a:gd name="connsiteY8" fmla="*/ 648972 h 648972"/>
              <a:gd name="connsiteX9" fmla="*/ 1719003 w 2062804"/>
              <a:gd name="connsiteY9" fmla="*/ 648972 h 648972"/>
              <a:gd name="connsiteX10" fmla="*/ 1203302 w 2062804"/>
              <a:gd name="connsiteY10" fmla="*/ 648972 h 648972"/>
              <a:gd name="connsiteX11" fmla="*/ 1203302 w 2062804"/>
              <a:gd name="connsiteY11" fmla="*/ 648972 h 648972"/>
              <a:gd name="connsiteX12" fmla="*/ 0 w 2062804"/>
              <a:gd name="connsiteY12" fmla="*/ 648972 h 648972"/>
              <a:gd name="connsiteX13" fmla="*/ 0 w 2062804"/>
              <a:gd name="connsiteY13" fmla="*/ 270405 h 648972"/>
              <a:gd name="connsiteX14" fmla="*/ 0 w 2062804"/>
              <a:gd name="connsiteY14" fmla="*/ 108162 h 648972"/>
              <a:gd name="connsiteX15" fmla="*/ 0 w 2062804"/>
              <a:gd name="connsiteY15" fmla="*/ 108162 h 648972"/>
              <a:gd name="connsiteX16" fmla="*/ 0 w 2062804"/>
              <a:gd name="connsiteY16" fmla="*/ 0 h 6489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2062804" h="648972">
                <a:moveTo>
                  <a:pt x="0" y="0"/>
                </a:moveTo>
                <a:lnTo>
                  <a:pt x="1203302" y="0"/>
                </a:lnTo>
                <a:lnTo>
                  <a:pt x="1449120" y="-69440"/>
                </a:lnTo>
                <a:lnTo>
                  <a:pt x="1719003" y="0"/>
                </a:lnTo>
                <a:lnTo>
                  <a:pt x="2062804" y="0"/>
                </a:lnTo>
                <a:lnTo>
                  <a:pt x="2062804" y="108162"/>
                </a:lnTo>
                <a:lnTo>
                  <a:pt x="2062804" y="108162"/>
                </a:lnTo>
                <a:lnTo>
                  <a:pt x="2062804" y="270405"/>
                </a:lnTo>
                <a:lnTo>
                  <a:pt x="2062804" y="648972"/>
                </a:lnTo>
                <a:lnTo>
                  <a:pt x="1719003" y="648972"/>
                </a:lnTo>
                <a:lnTo>
                  <a:pt x="1203302" y="648972"/>
                </a:lnTo>
                <a:lnTo>
                  <a:pt x="1203302" y="648972"/>
                </a:lnTo>
                <a:lnTo>
                  <a:pt x="0" y="648972"/>
                </a:lnTo>
                <a:lnTo>
                  <a:pt x="0" y="270405"/>
                </a:lnTo>
                <a:lnTo>
                  <a:pt x="0" y="108162"/>
                </a:lnTo>
                <a:lnTo>
                  <a:pt x="0" y="108162"/>
                </a:lnTo>
                <a:lnTo>
                  <a:pt x="0" y="0"/>
                </a:lnTo>
                <a:close/>
              </a:path>
            </a:pathLst>
          </a:custGeom>
          <a:solidFill>
            <a:schemeClr val="tx2">
              <a:lumMod val="7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530" tIns="49530" rIns="49530" bIns="49530" numCol="1" spcCol="1270" anchor="ctr" anchorCtr="0">
            <a:noAutofit/>
          </a:bodyPr>
          <a:lstStyle/>
          <a:p>
            <a:pPr marL="0" lvl="0" indent="0" algn="ctr" defTabSz="5778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altLang="ko-KR" sz="1300" kern="1200" dirty="0">
                <a:latin typeface="나눔바른고딕 Light" panose="020B0603020101020101" pitchFamily="50" charset="-127"/>
                <a:ea typeface="나눔바른고딕 Light" panose="020B0603020101020101" pitchFamily="50" charset="-127"/>
              </a:rPr>
              <a:t>RSSI Neural Network Machine Learning</a:t>
            </a:r>
            <a:endParaRPr lang="ko-KR" altLang="en-US" sz="1300" kern="1200" dirty="0">
              <a:latin typeface="나눔바른고딕 Light" panose="020B0603020101020101" pitchFamily="50" charset="-127"/>
              <a:ea typeface="나눔바른고딕 Light" panose="020B0603020101020101" pitchFamily="50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5956456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  <p:bldP spid="21" grpId="0" animBg="1"/>
      <p:bldP spid="24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직사각형 3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7" name="그룹 6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8" name="직사각형 7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직각 삼각형 8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. </a:t>
            </a:r>
            <a:r>
              <a:rPr lang="ko-KR" altLang="en-US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23" name="TextBox 22"/>
          <p:cNvSpPr txBox="1"/>
          <p:nvPr/>
        </p:nvSpPr>
        <p:spPr>
          <a:xfrm>
            <a:off x="323272" y="555526"/>
            <a:ext cx="510574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</a:pPr>
            <a:r>
              <a:rPr lang="ko-KR" altLang="en-US" sz="24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비콘</a:t>
            </a:r>
            <a:r>
              <a:rPr lang="en-US" altLang="ko-KR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ko-KR" altLang="en-US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기반 위치 인식 기술 연구 경과</a:t>
            </a:r>
            <a:endParaRPr lang="ko-KR" altLang="en-US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30" name="자유형 29"/>
          <p:cNvSpPr/>
          <p:nvPr/>
        </p:nvSpPr>
        <p:spPr>
          <a:xfrm>
            <a:off x="3635742" y="1280283"/>
            <a:ext cx="4968705" cy="869451"/>
          </a:xfrm>
          <a:custGeom>
            <a:avLst/>
            <a:gdLst>
              <a:gd name="connsiteX0" fmla="*/ 0 w 4968705"/>
              <a:gd name="connsiteY0" fmla="*/ 108681 h 869451"/>
              <a:gd name="connsiteX1" fmla="*/ 4533980 w 4968705"/>
              <a:gd name="connsiteY1" fmla="*/ 108681 h 869451"/>
              <a:gd name="connsiteX2" fmla="*/ 4533980 w 4968705"/>
              <a:gd name="connsiteY2" fmla="*/ 0 h 869451"/>
              <a:gd name="connsiteX3" fmla="*/ 4968705 w 4968705"/>
              <a:gd name="connsiteY3" fmla="*/ 434726 h 869451"/>
              <a:gd name="connsiteX4" fmla="*/ 4533980 w 4968705"/>
              <a:gd name="connsiteY4" fmla="*/ 869451 h 869451"/>
              <a:gd name="connsiteX5" fmla="*/ 4533980 w 4968705"/>
              <a:gd name="connsiteY5" fmla="*/ 760770 h 869451"/>
              <a:gd name="connsiteX6" fmla="*/ 0 w 4968705"/>
              <a:gd name="connsiteY6" fmla="*/ 760770 h 869451"/>
              <a:gd name="connsiteX7" fmla="*/ 0 w 4968705"/>
              <a:gd name="connsiteY7" fmla="*/ 108681 h 869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968705" h="869451">
                <a:moveTo>
                  <a:pt x="0" y="108681"/>
                </a:moveTo>
                <a:lnTo>
                  <a:pt x="4533980" y="108681"/>
                </a:lnTo>
                <a:lnTo>
                  <a:pt x="4533980" y="0"/>
                </a:lnTo>
                <a:lnTo>
                  <a:pt x="4968705" y="434726"/>
                </a:lnTo>
                <a:lnTo>
                  <a:pt x="4533980" y="869451"/>
                </a:lnTo>
                <a:lnTo>
                  <a:pt x="4533980" y="760770"/>
                </a:lnTo>
                <a:lnTo>
                  <a:pt x="0" y="760770"/>
                </a:lnTo>
                <a:lnTo>
                  <a:pt x="0" y="108681"/>
                </a:lnTo>
                <a:close/>
              </a:path>
            </a:pathLst>
          </a:custGeom>
          <a:solidFill>
            <a:schemeClr val="bg1">
              <a:lumMod val="85000"/>
              <a:alpha val="90000"/>
            </a:schemeClr>
          </a:solidFill>
          <a:ln w="9525">
            <a:solidFill>
              <a:schemeClr val="bg1">
                <a:lumMod val="95000"/>
                <a:alpha val="90000"/>
              </a:schemeClr>
            </a:solidFill>
          </a:ln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1430" tIns="120111" rIns="337474" bIns="120111" numCol="1" spcCol="1270" anchor="ctr" anchorCtr="0">
            <a:noAutofit/>
          </a:bodyPr>
          <a:lstStyle/>
          <a:p>
            <a:pPr marL="171450" lvl="1" indent="-171450" algn="l" defTabSz="800100" latinLnBrk="1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ko-KR" altLang="en-US" sz="1800" kern="1200" dirty="0" err="1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비콘</a:t>
            </a:r>
            <a:r>
              <a:rPr lang="ko-KR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 출력 및 신호 빈도 최대값 설정</a:t>
            </a:r>
          </a:p>
        </p:txBody>
      </p:sp>
      <p:sp>
        <p:nvSpPr>
          <p:cNvPr id="31" name="자유형 30"/>
          <p:cNvSpPr/>
          <p:nvPr/>
        </p:nvSpPr>
        <p:spPr>
          <a:xfrm>
            <a:off x="323272" y="1280283"/>
            <a:ext cx="3312470" cy="869451"/>
          </a:xfrm>
          <a:custGeom>
            <a:avLst/>
            <a:gdLst>
              <a:gd name="connsiteX0" fmla="*/ 0 w 3312470"/>
              <a:gd name="connsiteY0" fmla="*/ 144911 h 869451"/>
              <a:gd name="connsiteX1" fmla="*/ 144911 w 3312470"/>
              <a:gd name="connsiteY1" fmla="*/ 0 h 869451"/>
              <a:gd name="connsiteX2" fmla="*/ 3167559 w 3312470"/>
              <a:gd name="connsiteY2" fmla="*/ 0 h 869451"/>
              <a:gd name="connsiteX3" fmla="*/ 3312470 w 3312470"/>
              <a:gd name="connsiteY3" fmla="*/ 144911 h 869451"/>
              <a:gd name="connsiteX4" fmla="*/ 3312470 w 3312470"/>
              <a:gd name="connsiteY4" fmla="*/ 724540 h 869451"/>
              <a:gd name="connsiteX5" fmla="*/ 3167559 w 3312470"/>
              <a:gd name="connsiteY5" fmla="*/ 869451 h 869451"/>
              <a:gd name="connsiteX6" fmla="*/ 144911 w 3312470"/>
              <a:gd name="connsiteY6" fmla="*/ 869451 h 869451"/>
              <a:gd name="connsiteX7" fmla="*/ 0 w 3312470"/>
              <a:gd name="connsiteY7" fmla="*/ 724540 h 869451"/>
              <a:gd name="connsiteX8" fmla="*/ 0 w 3312470"/>
              <a:gd name="connsiteY8" fmla="*/ 144911 h 869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312470" h="869451">
                <a:moveTo>
                  <a:pt x="0" y="144911"/>
                </a:moveTo>
                <a:cubicBezTo>
                  <a:pt x="0" y="64879"/>
                  <a:pt x="64879" y="0"/>
                  <a:pt x="144911" y="0"/>
                </a:cubicBezTo>
                <a:lnTo>
                  <a:pt x="3167559" y="0"/>
                </a:lnTo>
                <a:cubicBezTo>
                  <a:pt x="3247591" y="0"/>
                  <a:pt x="3312470" y="64879"/>
                  <a:pt x="3312470" y="144911"/>
                </a:cubicBezTo>
                <a:lnTo>
                  <a:pt x="3312470" y="724540"/>
                </a:lnTo>
                <a:cubicBezTo>
                  <a:pt x="3312470" y="804572"/>
                  <a:pt x="3247591" y="869451"/>
                  <a:pt x="3167559" y="869451"/>
                </a:cubicBezTo>
                <a:lnTo>
                  <a:pt x="144911" y="869451"/>
                </a:lnTo>
                <a:cubicBezTo>
                  <a:pt x="64879" y="869451"/>
                  <a:pt x="0" y="804572"/>
                  <a:pt x="0" y="724540"/>
                </a:cubicBezTo>
                <a:lnTo>
                  <a:pt x="0" y="144911"/>
                </a:lnTo>
                <a:close/>
              </a:path>
            </a:pathLst>
          </a:custGeom>
          <a:solidFill>
            <a:schemeClr val="tx2">
              <a:lumMod val="7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7213" tIns="74828" rIns="107213" bIns="74828" numCol="1" spcCol="1270" anchor="ctr" anchorCtr="0">
            <a:noAutofit/>
          </a:bodyPr>
          <a:lstStyle/>
          <a:p>
            <a:pPr marL="0" lvl="0" indent="0" algn="ctr" defTabSz="7556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불규칙적인 출력</a:t>
            </a:r>
            <a:r>
              <a:rPr lang="en-US" altLang="ko-KR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, </a:t>
            </a: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느린 갱신</a:t>
            </a:r>
          </a:p>
        </p:txBody>
      </p:sp>
      <p:sp>
        <p:nvSpPr>
          <p:cNvPr id="32" name="자유형 31"/>
          <p:cNvSpPr/>
          <p:nvPr/>
        </p:nvSpPr>
        <p:spPr>
          <a:xfrm>
            <a:off x="3635742" y="2236680"/>
            <a:ext cx="4968705" cy="869451"/>
          </a:xfrm>
          <a:custGeom>
            <a:avLst/>
            <a:gdLst>
              <a:gd name="connsiteX0" fmla="*/ 0 w 4968705"/>
              <a:gd name="connsiteY0" fmla="*/ 108681 h 869451"/>
              <a:gd name="connsiteX1" fmla="*/ 4533980 w 4968705"/>
              <a:gd name="connsiteY1" fmla="*/ 108681 h 869451"/>
              <a:gd name="connsiteX2" fmla="*/ 4533980 w 4968705"/>
              <a:gd name="connsiteY2" fmla="*/ 0 h 869451"/>
              <a:gd name="connsiteX3" fmla="*/ 4968705 w 4968705"/>
              <a:gd name="connsiteY3" fmla="*/ 434726 h 869451"/>
              <a:gd name="connsiteX4" fmla="*/ 4533980 w 4968705"/>
              <a:gd name="connsiteY4" fmla="*/ 869451 h 869451"/>
              <a:gd name="connsiteX5" fmla="*/ 4533980 w 4968705"/>
              <a:gd name="connsiteY5" fmla="*/ 760770 h 869451"/>
              <a:gd name="connsiteX6" fmla="*/ 0 w 4968705"/>
              <a:gd name="connsiteY6" fmla="*/ 760770 h 869451"/>
              <a:gd name="connsiteX7" fmla="*/ 0 w 4968705"/>
              <a:gd name="connsiteY7" fmla="*/ 108681 h 869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968705" h="869451">
                <a:moveTo>
                  <a:pt x="0" y="108681"/>
                </a:moveTo>
                <a:lnTo>
                  <a:pt x="4533980" y="108681"/>
                </a:lnTo>
                <a:lnTo>
                  <a:pt x="4533980" y="0"/>
                </a:lnTo>
                <a:lnTo>
                  <a:pt x="4968705" y="434726"/>
                </a:lnTo>
                <a:lnTo>
                  <a:pt x="4533980" y="869451"/>
                </a:lnTo>
                <a:lnTo>
                  <a:pt x="4533980" y="760770"/>
                </a:lnTo>
                <a:lnTo>
                  <a:pt x="0" y="760770"/>
                </a:lnTo>
                <a:lnTo>
                  <a:pt x="0" y="108681"/>
                </a:lnTo>
                <a:close/>
              </a:path>
            </a:pathLst>
          </a:custGeom>
          <a:solidFill>
            <a:schemeClr val="bg1">
              <a:lumMod val="85000"/>
              <a:alpha val="90000"/>
            </a:schemeClr>
          </a:solidFill>
          <a:ln w="9525">
            <a:solidFill>
              <a:schemeClr val="bg1">
                <a:lumMod val="95000"/>
                <a:alpha val="90000"/>
              </a:schemeClr>
            </a:solidFill>
          </a:ln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1430" tIns="120111" rIns="337474" bIns="120111" numCol="1" spcCol="1270" anchor="ctr" anchorCtr="0">
            <a:noAutofit/>
          </a:bodyPr>
          <a:lstStyle/>
          <a:p>
            <a:pPr marL="171450" lvl="1" indent="-171450" algn="l" defTabSz="800100" latinLnBrk="1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ko-KR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간단한 측정치 안정화 알고리즘</a:t>
            </a:r>
          </a:p>
        </p:txBody>
      </p:sp>
      <p:sp>
        <p:nvSpPr>
          <p:cNvPr id="33" name="자유형 32"/>
          <p:cNvSpPr/>
          <p:nvPr/>
        </p:nvSpPr>
        <p:spPr>
          <a:xfrm>
            <a:off x="323272" y="2236680"/>
            <a:ext cx="3312470" cy="869451"/>
          </a:xfrm>
          <a:custGeom>
            <a:avLst/>
            <a:gdLst>
              <a:gd name="connsiteX0" fmla="*/ 0 w 3312470"/>
              <a:gd name="connsiteY0" fmla="*/ 144911 h 869451"/>
              <a:gd name="connsiteX1" fmla="*/ 144911 w 3312470"/>
              <a:gd name="connsiteY1" fmla="*/ 0 h 869451"/>
              <a:gd name="connsiteX2" fmla="*/ 3167559 w 3312470"/>
              <a:gd name="connsiteY2" fmla="*/ 0 h 869451"/>
              <a:gd name="connsiteX3" fmla="*/ 3312470 w 3312470"/>
              <a:gd name="connsiteY3" fmla="*/ 144911 h 869451"/>
              <a:gd name="connsiteX4" fmla="*/ 3312470 w 3312470"/>
              <a:gd name="connsiteY4" fmla="*/ 724540 h 869451"/>
              <a:gd name="connsiteX5" fmla="*/ 3167559 w 3312470"/>
              <a:gd name="connsiteY5" fmla="*/ 869451 h 869451"/>
              <a:gd name="connsiteX6" fmla="*/ 144911 w 3312470"/>
              <a:gd name="connsiteY6" fmla="*/ 869451 h 869451"/>
              <a:gd name="connsiteX7" fmla="*/ 0 w 3312470"/>
              <a:gd name="connsiteY7" fmla="*/ 724540 h 869451"/>
              <a:gd name="connsiteX8" fmla="*/ 0 w 3312470"/>
              <a:gd name="connsiteY8" fmla="*/ 144911 h 869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312470" h="869451">
                <a:moveTo>
                  <a:pt x="0" y="144911"/>
                </a:moveTo>
                <a:cubicBezTo>
                  <a:pt x="0" y="64879"/>
                  <a:pt x="64879" y="0"/>
                  <a:pt x="144911" y="0"/>
                </a:cubicBezTo>
                <a:lnTo>
                  <a:pt x="3167559" y="0"/>
                </a:lnTo>
                <a:cubicBezTo>
                  <a:pt x="3247591" y="0"/>
                  <a:pt x="3312470" y="64879"/>
                  <a:pt x="3312470" y="144911"/>
                </a:cubicBezTo>
                <a:lnTo>
                  <a:pt x="3312470" y="724540"/>
                </a:lnTo>
                <a:cubicBezTo>
                  <a:pt x="3312470" y="804572"/>
                  <a:pt x="3247591" y="869451"/>
                  <a:pt x="3167559" y="869451"/>
                </a:cubicBezTo>
                <a:lnTo>
                  <a:pt x="144911" y="869451"/>
                </a:lnTo>
                <a:cubicBezTo>
                  <a:pt x="64879" y="869451"/>
                  <a:pt x="0" y="804572"/>
                  <a:pt x="0" y="724540"/>
                </a:cubicBezTo>
                <a:lnTo>
                  <a:pt x="0" y="144911"/>
                </a:lnTo>
                <a:close/>
              </a:path>
            </a:pathLst>
          </a:custGeom>
          <a:solidFill>
            <a:schemeClr val="tx2">
              <a:lumMod val="7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7213" tIns="74828" rIns="107213" bIns="74828" numCol="1" spcCol="1270" anchor="ctr" anchorCtr="0">
            <a:noAutofit/>
          </a:bodyPr>
          <a:lstStyle/>
          <a:p>
            <a:pPr marL="0" lvl="0" indent="0" algn="ctr" defTabSz="7556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비교적 안정적</a:t>
            </a:r>
            <a:r>
              <a:rPr lang="en-US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,</a:t>
            </a:r>
          </a:p>
          <a:p>
            <a:pPr marL="0" lvl="0" indent="0" algn="ctr" defTabSz="7556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그러나 여전히 불규칙적</a:t>
            </a:r>
          </a:p>
        </p:txBody>
      </p:sp>
      <p:sp>
        <p:nvSpPr>
          <p:cNvPr id="34" name="자유형 33"/>
          <p:cNvSpPr/>
          <p:nvPr/>
        </p:nvSpPr>
        <p:spPr>
          <a:xfrm>
            <a:off x="3635742" y="3193077"/>
            <a:ext cx="4968705" cy="869451"/>
          </a:xfrm>
          <a:custGeom>
            <a:avLst/>
            <a:gdLst>
              <a:gd name="connsiteX0" fmla="*/ 0 w 4968705"/>
              <a:gd name="connsiteY0" fmla="*/ 108681 h 869451"/>
              <a:gd name="connsiteX1" fmla="*/ 4533980 w 4968705"/>
              <a:gd name="connsiteY1" fmla="*/ 108681 h 869451"/>
              <a:gd name="connsiteX2" fmla="*/ 4533980 w 4968705"/>
              <a:gd name="connsiteY2" fmla="*/ 0 h 869451"/>
              <a:gd name="connsiteX3" fmla="*/ 4968705 w 4968705"/>
              <a:gd name="connsiteY3" fmla="*/ 434726 h 869451"/>
              <a:gd name="connsiteX4" fmla="*/ 4533980 w 4968705"/>
              <a:gd name="connsiteY4" fmla="*/ 869451 h 869451"/>
              <a:gd name="connsiteX5" fmla="*/ 4533980 w 4968705"/>
              <a:gd name="connsiteY5" fmla="*/ 760770 h 869451"/>
              <a:gd name="connsiteX6" fmla="*/ 0 w 4968705"/>
              <a:gd name="connsiteY6" fmla="*/ 760770 h 869451"/>
              <a:gd name="connsiteX7" fmla="*/ 0 w 4968705"/>
              <a:gd name="connsiteY7" fmla="*/ 108681 h 869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968705" h="869451">
                <a:moveTo>
                  <a:pt x="0" y="108681"/>
                </a:moveTo>
                <a:lnTo>
                  <a:pt x="4533980" y="108681"/>
                </a:lnTo>
                <a:lnTo>
                  <a:pt x="4533980" y="0"/>
                </a:lnTo>
                <a:lnTo>
                  <a:pt x="4968705" y="434726"/>
                </a:lnTo>
                <a:lnTo>
                  <a:pt x="4533980" y="869451"/>
                </a:lnTo>
                <a:lnTo>
                  <a:pt x="4533980" y="760770"/>
                </a:lnTo>
                <a:lnTo>
                  <a:pt x="0" y="760770"/>
                </a:lnTo>
                <a:lnTo>
                  <a:pt x="0" y="108681"/>
                </a:lnTo>
                <a:close/>
              </a:path>
            </a:pathLst>
          </a:custGeom>
          <a:solidFill>
            <a:schemeClr val="bg1">
              <a:lumMod val="85000"/>
              <a:alpha val="90000"/>
            </a:schemeClr>
          </a:solidFill>
          <a:ln w="9525">
            <a:solidFill>
              <a:schemeClr val="bg1">
                <a:lumMod val="95000"/>
                <a:alpha val="90000"/>
              </a:schemeClr>
            </a:solidFill>
          </a:ln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1430" tIns="120111" rIns="337474" bIns="120111" numCol="1" spcCol="1270" anchor="ctr" anchorCtr="0">
            <a:noAutofit/>
          </a:bodyPr>
          <a:lstStyle/>
          <a:p>
            <a:pPr marL="171450" lvl="1" indent="-171450" algn="l" defTabSz="800100" latinLnBrk="1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ko-KR" altLang="en-US" sz="1800" kern="1200" dirty="0" err="1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비콘</a:t>
            </a:r>
            <a:r>
              <a:rPr lang="ko-KR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 배치</a:t>
            </a:r>
            <a:r>
              <a:rPr lang="en-US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, </a:t>
            </a:r>
            <a:r>
              <a:rPr lang="ko-KR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신호 송신 방식</a:t>
            </a:r>
            <a:r>
              <a:rPr lang="en-US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, </a:t>
            </a:r>
            <a:r>
              <a:rPr lang="ko-KR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환경 개선</a:t>
            </a:r>
            <a:r>
              <a:rPr lang="en-US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, </a:t>
            </a:r>
            <a:r>
              <a:rPr lang="ko-KR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수정</a:t>
            </a:r>
          </a:p>
        </p:txBody>
      </p:sp>
      <p:sp>
        <p:nvSpPr>
          <p:cNvPr id="35" name="자유형 34"/>
          <p:cNvSpPr/>
          <p:nvPr/>
        </p:nvSpPr>
        <p:spPr>
          <a:xfrm>
            <a:off x="323272" y="3193077"/>
            <a:ext cx="3312470" cy="869451"/>
          </a:xfrm>
          <a:custGeom>
            <a:avLst/>
            <a:gdLst>
              <a:gd name="connsiteX0" fmla="*/ 0 w 3312470"/>
              <a:gd name="connsiteY0" fmla="*/ 144911 h 869451"/>
              <a:gd name="connsiteX1" fmla="*/ 144911 w 3312470"/>
              <a:gd name="connsiteY1" fmla="*/ 0 h 869451"/>
              <a:gd name="connsiteX2" fmla="*/ 3167559 w 3312470"/>
              <a:gd name="connsiteY2" fmla="*/ 0 h 869451"/>
              <a:gd name="connsiteX3" fmla="*/ 3312470 w 3312470"/>
              <a:gd name="connsiteY3" fmla="*/ 144911 h 869451"/>
              <a:gd name="connsiteX4" fmla="*/ 3312470 w 3312470"/>
              <a:gd name="connsiteY4" fmla="*/ 724540 h 869451"/>
              <a:gd name="connsiteX5" fmla="*/ 3167559 w 3312470"/>
              <a:gd name="connsiteY5" fmla="*/ 869451 h 869451"/>
              <a:gd name="connsiteX6" fmla="*/ 144911 w 3312470"/>
              <a:gd name="connsiteY6" fmla="*/ 869451 h 869451"/>
              <a:gd name="connsiteX7" fmla="*/ 0 w 3312470"/>
              <a:gd name="connsiteY7" fmla="*/ 724540 h 869451"/>
              <a:gd name="connsiteX8" fmla="*/ 0 w 3312470"/>
              <a:gd name="connsiteY8" fmla="*/ 144911 h 869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312470" h="869451">
                <a:moveTo>
                  <a:pt x="0" y="144911"/>
                </a:moveTo>
                <a:cubicBezTo>
                  <a:pt x="0" y="64879"/>
                  <a:pt x="64879" y="0"/>
                  <a:pt x="144911" y="0"/>
                </a:cubicBezTo>
                <a:lnTo>
                  <a:pt x="3167559" y="0"/>
                </a:lnTo>
                <a:cubicBezTo>
                  <a:pt x="3247591" y="0"/>
                  <a:pt x="3312470" y="64879"/>
                  <a:pt x="3312470" y="144911"/>
                </a:cubicBezTo>
                <a:lnTo>
                  <a:pt x="3312470" y="724540"/>
                </a:lnTo>
                <a:cubicBezTo>
                  <a:pt x="3312470" y="804572"/>
                  <a:pt x="3247591" y="869451"/>
                  <a:pt x="3167559" y="869451"/>
                </a:cubicBezTo>
                <a:lnTo>
                  <a:pt x="144911" y="869451"/>
                </a:lnTo>
                <a:cubicBezTo>
                  <a:pt x="64879" y="869451"/>
                  <a:pt x="0" y="804572"/>
                  <a:pt x="0" y="724540"/>
                </a:cubicBezTo>
                <a:lnTo>
                  <a:pt x="0" y="144911"/>
                </a:lnTo>
                <a:close/>
              </a:path>
            </a:pathLst>
          </a:custGeom>
          <a:solidFill>
            <a:schemeClr val="tx2">
              <a:lumMod val="7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7213" tIns="74828" rIns="107213" bIns="74828" numCol="1" spcCol="1270" anchor="ctr" anchorCtr="0">
            <a:noAutofit/>
          </a:bodyPr>
          <a:lstStyle/>
          <a:p>
            <a:pPr marL="0" lvl="0" indent="0" algn="ctr" defTabSz="7556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측정치는 안정</a:t>
            </a:r>
            <a:r>
              <a:rPr lang="en-US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, </a:t>
            </a:r>
          </a:p>
          <a:p>
            <a:pPr marL="0" lvl="0" indent="0" algn="ctr" defTabSz="7556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관측 시마다 측정치 다름 </a:t>
            </a:r>
          </a:p>
        </p:txBody>
      </p:sp>
      <p:sp>
        <p:nvSpPr>
          <p:cNvPr id="36" name="자유형 35"/>
          <p:cNvSpPr/>
          <p:nvPr/>
        </p:nvSpPr>
        <p:spPr>
          <a:xfrm>
            <a:off x="3635742" y="4149474"/>
            <a:ext cx="4968705" cy="869451"/>
          </a:xfrm>
          <a:custGeom>
            <a:avLst/>
            <a:gdLst>
              <a:gd name="connsiteX0" fmla="*/ 0 w 4968705"/>
              <a:gd name="connsiteY0" fmla="*/ 108681 h 869451"/>
              <a:gd name="connsiteX1" fmla="*/ 4533980 w 4968705"/>
              <a:gd name="connsiteY1" fmla="*/ 108681 h 869451"/>
              <a:gd name="connsiteX2" fmla="*/ 4533980 w 4968705"/>
              <a:gd name="connsiteY2" fmla="*/ 0 h 869451"/>
              <a:gd name="connsiteX3" fmla="*/ 4968705 w 4968705"/>
              <a:gd name="connsiteY3" fmla="*/ 434726 h 869451"/>
              <a:gd name="connsiteX4" fmla="*/ 4533980 w 4968705"/>
              <a:gd name="connsiteY4" fmla="*/ 869451 h 869451"/>
              <a:gd name="connsiteX5" fmla="*/ 4533980 w 4968705"/>
              <a:gd name="connsiteY5" fmla="*/ 760770 h 869451"/>
              <a:gd name="connsiteX6" fmla="*/ 0 w 4968705"/>
              <a:gd name="connsiteY6" fmla="*/ 760770 h 869451"/>
              <a:gd name="connsiteX7" fmla="*/ 0 w 4968705"/>
              <a:gd name="connsiteY7" fmla="*/ 108681 h 869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968705" h="869451">
                <a:moveTo>
                  <a:pt x="0" y="108681"/>
                </a:moveTo>
                <a:lnTo>
                  <a:pt x="4533980" y="108681"/>
                </a:lnTo>
                <a:lnTo>
                  <a:pt x="4533980" y="0"/>
                </a:lnTo>
                <a:lnTo>
                  <a:pt x="4968705" y="434726"/>
                </a:lnTo>
                <a:lnTo>
                  <a:pt x="4533980" y="869451"/>
                </a:lnTo>
                <a:lnTo>
                  <a:pt x="4533980" y="760770"/>
                </a:lnTo>
                <a:lnTo>
                  <a:pt x="0" y="760770"/>
                </a:lnTo>
                <a:lnTo>
                  <a:pt x="0" y="108681"/>
                </a:lnTo>
                <a:close/>
              </a:path>
            </a:pathLst>
          </a:custGeom>
          <a:solidFill>
            <a:schemeClr val="bg1">
              <a:lumMod val="85000"/>
              <a:alpha val="90000"/>
            </a:schemeClr>
          </a:solidFill>
          <a:ln w="9525">
            <a:solidFill>
              <a:schemeClr val="bg1">
                <a:lumMod val="95000"/>
                <a:alpha val="90000"/>
              </a:schemeClr>
            </a:solidFill>
          </a:ln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1430" tIns="120111" rIns="337474" bIns="120111" numCol="1" spcCol="1270" anchor="ctr" anchorCtr="0">
            <a:noAutofit/>
          </a:bodyPr>
          <a:lstStyle/>
          <a:p>
            <a:pPr marL="171450" lvl="1" indent="-171450" algn="l" defTabSz="800100" latinLnBrk="1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ko-KR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포기하고 </a:t>
            </a:r>
            <a:r>
              <a:rPr lang="en-US" altLang="ko-KR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Proximity</a:t>
            </a:r>
            <a:r>
              <a:rPr lang="ko-KR" altLang="en-US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로</a:t>
            </a:r>
            <a:r>
              <a:rPr lang="en-US" altLang="ko-KR" sz="18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!</a:t>
            </a:r>
            <a:endParaRPr lang="ko-KR" altLang="en-US" sz="1800" kern="1200" dirty="0"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</p:txBody>
      </p:sp>
      <p:sp>
        <p:nvSpPr>
          <p:cNvPr id="37" name="자유형 36"/>
          <p:cNvSpPr/>
          <p:nvPr/>
        </p:nvSpPr>
        <p:spPr>
          <a:xfrm>
            <a:off x="323272" y="4149474"/>
            <a:ext cx="3312470" cy="869451"/>
          </a:xfrm>
          <a:custGeom>
            <a:avLst/>
            <a:gdLst>
              <a:gd name="connsiteX0" fmla="*/ 0 w 3312470"/>
              <a:gd name="connsiteY0" fmla="*/ 144911 h 869451"/>
              <a:gd name="connsiteX1" fmla="*/ 144911 w 3312470"/>
              <a:gd name="connsiteY1" fmla="*/ 0 h 869451"/>
              <a:gd name="connsiteX2" fmla="*/ 3167559 w 3312470"/>
              <a:gd name="connsiteY2" fmla="*/ 0 h 869451"/>
              <a:gd name="connsiteX3" fmla="*/ 3312470 w 3312470"/>
              <a:gd name="connsiteY3" fmla="*/ 144911 h 869451"/>
              <a:gd name="connsiteX4" fmla="*/ 3312470 w 3312470"/>
              <a:gd name="connsiteY4" fmla="*/ 724540 h 869451"/>
              <a:gd name="connsiteX5" fmla="*/ 3167559 w 3312470"/>
              <a:gd name="connsiteY5" fmla="*/ 869451 h 869451"/>
              <a:gd name="connsiteX6" fmla="*/ 144911 w 3312470"/>
              <a:gd name="connsiteY6" fmla="*/ 869451 h 869451"/>
              <a:gd name="connsiteX7" fmla="*/ 0 w 3312470"/>
              <a:gd name="connsiteY7" fmla="*/ 724540 h 869451"/>
              <a:gd name="connsiteX8" fmla="*/ 0 w 3312470"/>
              <a:gd name="connsiteY8" fmla="*/ 144911 h 869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312470" h="869451">
                <a:moveTo>
                  <a:pt x="0" y="144911"/>
                </a:moveTo>
                <a:cubicBezTo>
                  <a:pt x="0" y="64879"/>
                  <a:pt x="64879" y="0"/>
                  <a:pt x="144911" y="0"/>
                </a:cubicBezTo>
                <a:lnTo>
                  <a:pt x="3167559" y="0"/>
                </a:lnTo>
                <a:cubicBezTo>
                  <a:pt x="3247591" y="0"/>
                  <a:pt x="3312470" y="64879"/>
                  <a:pt x="3312470" y="144911"/>
                </a:cubicBezTo>
                <a:lnTo>
                  <a:pt x="3312470" y="724540"/>
                </a:lnTo>
                <a:cubicBezTo>
                  <a:pt x="3312470" y="804572"/>
                  <a:pt x="3247591" y="869451"/>
                  <a:pt x="3167559" y="869451"/>
                </a:cubicBezTo>
                <a:lnTo>
                  <a:pt x="144911" y="869451"/>
                </a:lnTo>
                <a:cubicBezTo>
                  <a:pt x="64879" y="869451"/>
                  <a:pt x="0" y="804572"/>
                  <a:pt x="0" y="724540"/>
                </a:cubicBezTo>
                <a:lnTo>
                  <a:pt x="0" y="144911"/>
                </a:lnTo>
                <a:close/>
              </a:path>
            </a:pathLst>
          </a:custGeom>
          <a:solidFill>
            <a:schemeClr val="tx2">
              <a:lumMod val="7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7213" tIns="74828" rIns="107213" bIns="74828" numCol="1" spcCol="1270" anchor="ctr" anchorCtr="0">
            <a:noAutofit/>
          </a:bodyPr>
          <a:lstStyle/>
          <a:p>
            <a:pPr marL="0" lvl="0" indent="0" algn="ctr" defTabSz="7556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사람 몸에 막혀 </a:t>
            </a:r>
            <a:r>
              <a:rPr lang="ko-KR" altLang="en-US" sz="1700" kern="1200" dirty="0" err="1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감쇠되는</a:t>
            </a: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 것으로 </a:t>
            </a:r>
            <a:endParaRPr lang="en-US" altLang="ko-KR" sz="1700" kern="1200" dirty="0"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  <a:p>
            <a:pPr marL="0" lvl="0" indent="0" algn="ctr" defTabSz="75565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판단 </a:t>
            </a:r>
            <a:r>
              <a:rPr lang="en-US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(10dBm </a:t>
            </a:r>
            <a:r>
              <a:rPr lang="ko-KR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넘게 차이</a:t>
            </a:r>
            <a:r>
              <a:rPr lang="en-US" altLang="en-US" sz="1700" kern="1200" dirty="0">
                <a:latin typeface="나눔바른고딕" panose="020B0603020101020101" pitchFamily="50" charset="-127"/>
                <a:ea typeface="나눔바른고딕" panose="020B0603020101020101" pitchFamily="50" charset="-127"/>
              </a:rPr>
              <a:t>)</a:t>
            </a:r>
            <a:endParaRPr lang="ko-KR" altLang="en-US" sz="1700" kern="1200" dirty="0"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3139736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  <p:bldP spid="31" grpId="0" animBg="1"/>
      <p:bldP spid="32" grpId="0" animBg="1"/>
      <p:bldP spid="33" grpId="0" animBg="1"/>
      <p:bldP spid="34" grpId="0" animBg="1"/>
      <p:bldP spid="35" grpId="0" animBg="1"/>
      <p:bldP spid="36" grpId="0" animBg="1"/>
      <p:bldP spid="37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직사각형 9"/>
          <p:cNvSpPr/>
          <p:nvPr/>
        </p:nvSpPr>
        <p:spPr>
          <a:xfrm>
            <a:off x="3491199" y="2139702"/>
            <a:ext cx="542692" cy="229193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TextBox 10"/>
          <p:cNvSpPr txBox="1"/>
          <p:nvPr/>
        </p:nvSpPr>
        <p:spPr>
          <a:xfrm>
            <a:off x="3474302" y="2139702"/>
            <a:ext cx="93446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04</a:t>
            </a:r>
            <a:endParaRPr lang="ko-KR" altLang="en-US" sz="10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각 삼각형 11"/>
          <p:cNvSpPr/>
          <p:nvPr/>
        </p:nvSpPr>
        <p:spPr>
          <a:xfrm>
            <a:off x="4032117" y="2139702"/>
            <a:ext cx="217037" cy="229193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직각 삼각형 12"/>
          <p:cNvSpPr/>
          <p:nvPr/>
        </p:nvSpPr>
        <p:spPr>
          <a:xfrm rot="16200000" flipH="1">
            <a:off x="4055063" y="2141925"/>
            <a:ext cx="233638" cy="229193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/>
          <p:cNvSpPr/>
          <p:nvPr/>
        </p:nvSpPr>
        <p:spPr>
          <a:xfrm>
            <a:off x="4286479" y="2139702"/>
            <a:ext cx="1348063" cy="2260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/>
          <p:cNvSpPr txBox="1"/>
          <p:nvPr/>
        </p:nvSpPr>
        <p:spPr>
          <a:xfrm>
            <a:off x="2483768" y="2346434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향후계획</a:t>
            </a:r>
            <a:endParaRPr lang="ko-KR" altLang="en-US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8715816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4" name="직선 연결선 73"/>
          <p:cNvCxnSpPr/>
          <p:nvPr/>
        </p:nvCxnSpPr>
        <p:spPr>
          <a:xfrm>
            <a:off x="6334588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직선 연결선 74"/>
          <p:cNvCxnSpPr/>
          <p:nvPr/>
        </p:nvCxnSpPr>
        <p:spPr>
          <a:xfrm>
            <a:off x="6831309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직선 연결선 75"/>
          <p:cNvCxnSpPr/>
          <p:nvPr/>
        </p:nvCxnSpPr>
        <p:spPr>
          <a:xfrm>
            <a:off x="7320545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직선 연결선 76"/>
          <p:cNvCxnSpPr/>
          <p:nvPr/>
        </p:nvCxnSpPr>
        <p:spPr>
          <a:xfrm>
            <a:off x="7774516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직선 연결선 77"/>
          <p:cNvCxnSpPr/>
          <p:nvPr/>
        </p:nvCxnSpPr>
        <p:spPr>
          <a:xfrm>
            <a:off x="8304772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직선 연결선 78"/>
          <p:cNvCxnSpPr/>
          <p:nvPr/>
        </p:nvCxnSpPr>
        <p:spPr>
          <a:xfrm>
            <a:off x="5311697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직선 연결선 68"/>
          <p:cNvCxnSpPr/>
          <p:nvPr/>
        </p:nvCxnSpPr>
        <p:spPr>
          <a:xfrm>
            <a:off x="5785486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/>
        </p:nvSpPr>
        <p:spPr>
          <a:xfrm>
            <a:off x="491778" y="2425586"/>
            <a:ext cx="22322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향후 계획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2753174" y="1586110"/>
            <a:ext cx="4258251" cy="16158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just">
              <a:lnSpc>
                <a:spcPct val="150000"/>
              </a:lnSpc>
              <a:buFont typeface="Wingdings" panose="05000000000000000000" pitchFamily="2" charset="2"/>
              <a:buChar char="Ø"/>
            </a:pPr>
            <a:r>
              <a:rPr lang="ko-KR" altLang="en-US" sz="11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디자인팀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관리자 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UI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디자인 제작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marL="171450" indent="-171450" algn="just">
              <a:lnSpc>
                <a:spcPct val="150000"/>
              </a:lnSpc>
              <a:buFont typeface="Wingdings" panose="05000000000000000000" pitchFamily="2" charset="2"/>
              <a:buChar char="Ø"/>
            </a:pP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기술팀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업데이트 데이터 전송 기능 구현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추천경로 데이터 전송 기능 구현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관리자 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UI 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이미지 리소스 적용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6" name="직사각형 5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직사각형 6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" name="직각 삼각형 7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2" name="그룹 9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11" name="직사각형 10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직각 삼각형 11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3" name="TextBox 12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프로젝트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6" name="직사각형 15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29" name="직선 연결선 28"/>
          <p:cNvCxnSpPr/>
          <p:nvPr/>
        </p:nvCxnSpPr>
        <p:spPr>
          <a:xfrm>
            <a:off x="2659817" y="2341027"/>
            <a:ext cx="0" cy="444848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Box 30"/>
          <p:cNvSpPr txBox="1"/>
          <p:nvPr/>
        </p:nvSpPr>
        <p:spPr>
          <a:xfrm>
            <a:off x="6024860" y="208146"/>
            <a:ext cx="3235871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                                         04.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향후 계획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24" name="OTLSHAPE_T_476a29ce61184c51baa621877d79b974_Shape"/>
          <p:cNvSpPr/>
          <p:nvPr>
            <p:custDataLst>
              <p:tags r:id="rId1"/>
            </p:custDataLst>
          </p:nvPr>
        </p:nvSpPr>
        <p:spPr>
          <a:xfrm>
            <a:off x="5786255" y="1914952"/>
            <a:ext cx="2538438" cy="147737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/>
          </a:p>
        </p:txBody>
      </p:sp>
      <p:sp>
        <p:nvSpPr>
          <p:cNvPr id="28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5248095" y="1439629"/>
            <a:ext cx="3087938" cy="227942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/>
          </a:p>
        </p:txBody>
      </p:sp>
      <p:cxnSp>
        <p:nvCxnSpPr>
          <p:cNvPr id="37" name="OTLSHAPE_TB_00000000000000000000000000000000_Separator4"/>
          <p:cNvCxnSpPr/>
          <p:nvPr>
            <p:custDataLst>
              <p:tags r:id="rId3"/>
            </p:custDataLst>
          </p:nvPr>
        </p:nvCxnSpPr>
        <p:spPr>
          <a:xfrm flipH="1">
            <a:off x="6319809" y="1567242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OTLSHAPE_TB_00000000000000000000000000000000_TimescaleInterval5"/>
          <p:cNvSpPr txBox="1"/>
          <p:nvPr>
            <p:custDataLst>
              <p:tags r:id="rId4"/>
            </p:custDataLst>
          </p:nvPr>
        </p:nvSpPr>
        <p:spPr>
          <a:xfrm>
            <a:off x="6383310" y="1535629"/>
            <a:ext cx="68987" cy="1018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r>
              <a:rPr lang="ko-KR" altLang="en-US" sz="105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05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5"/>
          <p:cNvCxnSpPr/>
          <p:nvPr>
            <p:custDataLst>
              <p:tags r:id="rId5"/>
            </p:custDataLst>
          </p:nvPr>
        </p:nvCxnSpPr>
        <p:spPr>
          <a:xfrm flipH="1">
            <a:off x="7327921" y="1553473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6"/>
          <p:cNvSpPr txBox="1"/>
          <p:nvPr>
            <p:custDataLst>
              <p:tags r:id="rId6"/>
            </p:custDataLst>
          </p:nvPr>
        </p:nvSpPr>
        <p:spPr>
          <a:xfrm>
            <a:off x="7391424" y="1535629"/>
            <a:ext cx="137974" cy="1018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ko-KR" altLang="en-US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44" name="OTLSHAPE_TB_00000000000000000000000000000000_LeftEndCaps"/>
          <p:cNvSpPr txBox="1"/>
          <p:nvPr>
            <p:custDataLst>
              <p:tags r:id="rId7"/>
            </p:custDataLst>
          </p:nvPr>
        </p:nvSpPr>
        <p:spPr>
          <a:xfrm>
            <a:off x="8358214" y="1428742"/>
            <a:ext cx="63388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5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말</a:t>
            </a:r>
          </a:p>
        </p:txBody>
      </p:sp>
      <p:sp>
        <p:nvSpPr>
          <p:cNvPr id="50" name="OTLSHAPE_TB_00000000000000000000000000000000_TimescaleInterval3"/>
          <p:cNvSpPr txBox="1"/>
          <p:nvPr>
            <p:custDataLst>
              <p:tags r:id="rId8"/>
            </p:custDataLst>
          </p:nvPr>
        </p:nvSpPr>
        <p:spPr>
          <a:xfrm>
            <a:off x="5834646" y="1524470"/>
            <a:ext cx="68987" cy="1018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r>
              <a:rPr lang="ko-KR" altLang="en-US" sz="105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05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" name="OTLSHAPE_TB_00000000000000000000000000000000_Separator4"/>
          <p:cNvCxnSpPr/>
          <p:nvPr>
            <p:custDataLst>
              <p:tags r:id="rId9"/>
            </p:custDataLst>
          </p:nvPr>
        </p:nvCxnSpPr>
        <p:spPr>
          <a:xfrm flipH="1">
            <a:off x="6823865" y="1553473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TimescaleInterval5"/>
          <p:cNvSpPr txBox="1"/>
          <p:nvPr>
            <p:custDataLst>
              <p:tags r:id="rId10"/>
            </p:custDataLst>
          </p:nvPr>
        </p:nvSpPr>
        <p:spPr>
          <a:xfrm>
            <a:off x="6887366" y="1535629"/>
            <a:ext cx="68987" cy="1018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r>
              <a:rPr lang="ko-KR" altLang="en-US" sz="105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05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3" name="OTLSHAPE_TB_00000000000000000000000000000000_Separator5"/>
          <p:cNvCxnSpPr/>
          <p:nvPr>
            <p:custDataLst>
              <p:tags r:id="rId11"/>
            </p:custDataLst>
          </p:nvPr>
        </p:nvCxnSpPr>
        <p:spPr>
          <a:xfrm flipH="1">
            <a:off x="7774516" y="1553473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TB_00000000000000000000000000000000_TimescaleInterval6"/>
          <p:cNvSpPr txBox="1"/>
          <p:nvPr>
            <p:custDataLst>
              <p:tags r:id="rId12"/>
            </p:custDataLst>
          </p:nvPr>
        </p:nvSpPr>
        <p:spPr>
          <a:xfrm>
            <a:off x="7838019" y="1535629"/>
            <a:ext cx="137974" cy="1018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ko-KR" altLang="en-US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grpSp>
        <p:nvGrpSpPr>
          <p:cNvPr id="3" name="그룹 55"/>
          <p:cNvGrpSpPr/>
          <p:nvPr/>
        </p:nvGrpSpPr>
        <p:grpSpPr>
          <a:xfrm>
            <a:off x="5337773" y="1454023"/>
            <a:ext cx="405348" cy="194528"/>
            <a:chOff x="5527567" y="1614210"/>
            <a:chExt cx="1485900" cy="355303"/>
          </a:xfrm>
        </p:grpSpPr>
        <p:sp>
          <p:nvSpPr>
            <p:cNvPr id="57" name="OTLSHAPE_T_de02eea5d67d43eeaf69c8adf5fdb713_Shape"/>
            <p:cNvSpPr/>
            <p:nvPr>
              <p:custDataLst>
                <p:tags r:id="rId18"/>
              </p:custDataLst>
            </p:nvPr>
          </p:nvSpPr>
          <p:spPr>
            <a:xfrm>
              <a:off x="5527567" y="1614210"/>
              <a:ext cx="1485900" cy="355303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400"/>
            </a:p>
          </p:txBody>
        </p:sp>
        <p:sp>
          <p:nvSpPr>
            <p:cNvPr id="58" name="OTLSHAPE_T_de02eea5d67d43eeaf69c8adf5fdb713_Title"/>
            <p:cNvSpPr txBox="1"/>
            <p:nvPr>
              <p:custDataLst>
                <p:tags r:id="rId19"/>
              </p:custDataLst>
            </p:nvPr>
          </p:nvSpPr>
          <p:spPr>
            <a:xfrm>
              <a:off x="5599819" y="1658404"/>
              <a:ext cx="1358900" cy="2810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0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현재</a:t>
              </a:r>
              <a:endParaRPr lang="ko-KR" altLang="en-US" sz="10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cxnSp>
        <p:nvCxnSpPr>
          <p:cNvPr id="59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 flipH="1">
            <a:off x="5786257" y="1544134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_8d69e999e3cd426fb1e09b1c553e9f26_Shape"/>
          <p:cNvSpPr/>
          <p:nvPr>
            <p:custDataLst>
              <p:tags r:id="rId14"/>
            </p:custDataLst>
          </p:nvPr>
        </p:nvSpPr>
        <p:spPr>
          <a:xfrm>
            <a:off x="5311697" y="2441143"/>
            <a:ext cx="1008112" cy="14782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/>
          </a:p>
        </p:txBody>
      </p:sp>
      <p:sp>
        <p:nvSpPr>
          <p:cNvPr id="65" name="OTLSHAPE_T_f1f9876abc2941dea13571208c36a916_Shape"/>
          <p:cNvSpPr/>
          <p:nvPr>
            <p:custDataLst>
              <p:tags r:id="rId15"/>
            </p:custDataLst>
          </p:nvPr>
        </p:nvSpPr>
        <p:spPr>
          <a:xfrm>
            <a:off x="5790569" y="2690749"/>
            <a:ext cx="1033296" cy="134947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/>
          </a:p>
        </p:txBody>
      </p:sp>
      <p:sp>
        <p:nvSpPr>
          <p:cNvPr id="66" name="OTLSHAPE_T_11c2c1d8acb942949ec53edd907b98a4_Shape"/>
          <p:cNvSpPr/>
          <p:nvPr>
            <p:custDataLst>
              <p:tags r:id="rId16"/>
            </p:custDataLst>
          </p:nvPr>
        </p:nvSpPr>
        <p:spPr>
          <a:xfrm>
            <a:off x="5786256" y="2936881"/>
            <a:ext cx="1988260" cy="134947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/>
          </a:p>
        </p:txBody>
      </p:sp>
      <p:cxnSp>
        <p:nvCxnSpPr>
          <p:cNvPr id="80" name="OTLSHAPE_T_e7286dcac39641718362ed16bcba7eff_HorizontalConnector1"/>
          <p:cNvCxnSpPr/>
          <p:nvPr>
            <p:custDataLst>
              <p:tags r:id="rId17"/>
            </p:custDataLst>
          </p:nvPr>
        </p:nvCxnSpPr>
        <p:spPr>
          <a:xfrm>
            <a:off x="5248095" y="2231717"/>
            <a:ext cx="3110119" cy="0"/>
          </a:xfrm>
          <a:prstGeom prst="line">
            <a:avLst/>
          </a:prstGeom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667689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3500430" y="1857370"/>
            <a:ext cx="21602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01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개요</a:t>
            </a:r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/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과제 목표</a:t>
            </a:r>
          </a:p>
        </p:txBody>
      </p:sp>
      <p:sp>
        <p:nvSpPr>
          <p:cNvPr id="4" name="직사각형 3"/>
          <p:cNvSpPr/>
          <p:nvPr/>
        </p:nvSpPr>
        <p:spPr>
          <a:xfrm>
            <a:off x="3500430" y="2289418"/>
            <a:ext cx="1752403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 </a:t>
            </a:r>
            <a:r>
              <a:rPr lang="ko-KR" altLang="en-US" sz="1200" dirty="0" err="1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</a:p>
        </p:txBody>
      </p:sp>
      <p:sp>
        <p:nvSpPr>
          <p:cNvPr id="5" name="직사각형 4"/>
          <p:cNvSpPr/>
          <p:nvPr/>
        </p:nvSpPr>
        <p:spPr>
          <a:xfrm>
            <a:off x="3500430" y="2721466"/>
            <a:ext cx="15985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진행 상황</a:t>
            </a:r>
          </a:p>
        </p:txBody>
      </p:sp>
      <p:sp>
        <p:nvSpPr>
          <p:cNvPr id="7" name="직사각형 6"/>
          <p:cNvSpPr/>
          <p:nvPr/>
        </p:nvSpPr>
        <p:spPr>
          <a:xfrm>
            <a:off x="3480313" y="1419622"/>
            <a:ext cx="542692" cy="229193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" name="TextBox 7"/>
          <p:cNvSpPr txBox="1"/>
          <p:nvPr/>
        </p:nvSpPr>
        <p:spPr>
          <a:xfrm>
            <a:off x="3463416" y="1419622"/>
            <a:ext cx="93446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INDEX</a:t>
            </a:r>
            <a:endParaRPr lang="ko-KR" altLang="en-US" sz="10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9" name="직각 삼각형 8"/>
          <p:cNvSpPr/>
          <p:nvPr/>
        </p:nvSpPr>
        <p:spPr>
          <a:xfrm>
            <a:off x="4021231" y="1419622"/>
            <a:ext cx="217037" cy="229193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각 삼각형 10"/>
          <p:cNvSpPr/>
          <p:nvPr/>
        </p:nvSpPr>
        <p:spPr>
          <a:xfrm rot="16200000" flipH="1">
            <a:off x="4044177" y="1421845"/>
            <a:ext cx="233638" cy="229193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" name="직사각형 11"/>
          <p:cNvSpPr/>
          <p:nvPr/>
        </p:nvSpPr>
        <p:spPr>
          <a:xfrm>
            <a:off x="4275593" y="1419622"/>
            <a:ext cx="1348063" cy="2260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/>
          <p:cNvSpPr/>
          <p:nvPr/>
        </p:nvSpPr>
        <p:spPr>
          <a:xfrm>
            <a:off x="3496643" y="3640984"/>
            <a:ext cx="2138468" cy="34350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/>
          <p:cNvSpPr/>
          <p:nvPr/>
        </p:nvSpPr>
        <p:spPr>
          <a:xfrm>
            <a:off x="3500430" y="3143254"/>
            <a:ext cx="1085554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4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향후 계획</a:t>
            </a:r>
          </a:p>
        </p:txBody>
      </p:sp>
    </p:spTree>
    <p:extLst>
      <p:ext uri="{BB962C8B-B14F-4D97-AF65-F5344CB8AC3E}">
        <p14:creationId xmlns:p14="http://schemas.microsoft.com/office/powerpoint/2010/main" val="3234700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직사각형 13"/>
          <p:cNvSpPr/>
          <p:nvPr/>
        </p:nvSpPr>
        <p:spPr>
          <a:xfrm>
            <a:off x="3491199" y="2139702"/>
            <a:ext cx="542692" cy="229193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TextBox 14"/>
          <p:cNvSpPr txBox="1"/>
          <p:nvPr/>
        </p:nvSpPr>
        <p:spPr>
          <a:xfrm>
            <a:off x="3474302" y="2139702"/>
            <a:ext cx="93446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THE</a:t>
            </a:r>
            <a:endParaRPr lang="ko-KR" altLang="en-US" sz="10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4032117" y="2139702"/>
            <a:ext cx="217037" cy="229193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직각 삼각형 16"/>
          <p:cNvSpPr/>
          <p:nvPr/>
        </p:nvSpPr>
        <p:spPr>
          <a:xfrm rot="16200000" flipH="1">
            <a:off x="4055063" y="2141925"/>
            <a:ext cx="233638" cy="229193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" name="직사각형 17"/>
          <p:cNvSpPr/>
          <p:nvPr/>
        </p:nvSpPr>
        <p:spPr>
          <a:xfrm>
            <a:off x="4286479" y="2139702"/>
            <a:ext cx="1348063" cy="2260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" name="직사각형 18"/>
          <p:cNvSpPr/>
          <p:nvPr/>
        </p:nvSpPr>
        <p:spPr>
          <a:xfrm>
            <a:off x="3507529" y="2818838"/>
            <a:ext cx="2138468" cy="34350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TextBox 19"/>
          <p:cNvSpPr txBox="1"/>
          <p:nvPr/>
        </p:nvSpPr>
        <p:spPr>
          <a:xfrm>
            <a:off x="2555776" y="2427734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pc="6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감사합니다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4717653" y="2147396"/>
            <a:ext cx="93446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0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50" pitchFamily="18" charset="-127"/>
                <a:ea typeface="-윤고딕350" pitchFamily="18" charset="-127"/>
              </a:rPr>
              <a:t>END</a:t>
            </a:r>
            <a:endParaRPr lang="ko-KR" altLang="en-US" sz="1000" dirty="0">
              <a:ln>
                <a:solidFill>
                  <a:schemeClr val="tx1">
                    <a:lumMod val="75000"/>
                    <a:lumOff val="25000"/>
                    <a:alpha val="1000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201822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2523118" y="2346434"/>
            <a:ext cx="4104456" cy="3539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7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개요</a:t>
            </a:r>
            <a:r>
              <a:rPr lang="en-US" altLang="ko-KR" sz="17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/</a:t>
            </a:r>
            <a:r>
              <a:rPr lang="ko-KR" altLang="en-US" sz="17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과제목표</a:t>
            </a:r>
          </a:p>
        </p:txBody>
      </p:sp>
      <p:sp>
        <p:nvSpPr>
          <p:cNvPr id="3" name="직사각형 2"/>
          <p:cNvSpPr/>
          <p:nvPr/>
        </p:nvSpPr>
        <p:spPr>
          <a:xfrm>
            <a:off x="3573846" y="2192138"/>
            <a:ext cx="307916" cy="154800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3881344" y="2192138"/>
            <a:ext cx="154800" cy="154800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직각 삼각형 6"/>
          <p:cNvSpPr/>
          <p:nvPr/>
        </p:nvSpPr>
        <p:spPr>
          <a:xfrm rot="16200000" flipH="1">
            <a:off x="3916436" y="2192425"/>
            <a:ext cx="154800" cy="154800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" name="직사각형 7"/>
          <p:cNvSpPr/>
          <p:nvPr/>
        </p:nvSpPr>
        <p:spPr>
          <a:xfrm>
            <a:off x="4067507" y="2192137"/>
            <a:ext cx="1504625" cy="1652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" name="TextBox 8"/>
          <p:cNvSpPr txBox="1"/>
          <p:nvPr/>
        </p:nvSpPr>
        <p:spPr>
          <a:xfrm>
            <a:off x="3572217" y="2162227"/>
            <a:ext cx="93446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01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2743755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TextBox 10"/>
          <p:cNvSpPr txBox="1"/>
          <p:nvPr/>
        </p:nvSpPr>
        <p:spPr>
          <a:xfrm>
            <a:off x="6949915" y="204364"/>
            <a:ext cx="2446621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              01.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개요</a:t>
            </a:r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/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과제목표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1214414" y="2357436"/>
            <a:ext cx="134433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전시장의 규모 大</a:t>
            </a:r>
          </a:p>
        </p:txBody>
      </p:sp>
      <p:pic>
        <p:nvPicPr>
          <p:cNvPr id="3074" name="Picture 2" descr="D:\HYU\4학년 1학기\여론과 미디어\noun_20477_cc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6002"/>
          <a:stretch/>
        </p:blipFill>
        <p:spPr bwMode="auto">
          <a:xfrm>
            <a:off x="5500694" y="1214428"/>
            <a:ext cx="1988953" cy="17170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/>
          <p:cNvSpPr txBox="1"/>
          <p:nvPr/>
        </p:nvSpPr>
        <p:spPr>
          <a:xfrm>
            <a:off x="2500298" y="2357436"/>
            <a:ext cx="157163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관람객의 효과적인 전시물 관람</a:t>
            </a:r>
            <a:r>
              <a:rPr lang="en-US" altLang="ko-KR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x</a:t>
            </a:r>
            <a:endParaRPr lang="ko-KR" altLang="en-US" sz="12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  <p:pic>
        <p:nvPicPr>
          <p:cNvPr id="18" name="그림 17" descr="1461233368_arrow-right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57686" y="2214560"/>
            <a:ext cx="714380" cy="714380"/>
          </a:xfrm>
          <a:prstGeom prst="rect">
            <a:avLst/>
          </a:prstGeom>
        </p:spPr>
      </p:pic>
      <p:sp>
        <p:nvSpPr>
          <p:cNvPr id="21" name="TextBox 20"/>
          <p:cNvSpPr txBox="1"/>
          <p:nvPr/>
        </p:nvSpPr>
        <p:spPr>
          <a:xfrm>
            <a:off x="5643570" y="3071816"/>
            <a:ext cx="192882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관람객의 자유로움 보장</a:t>
            </a:r>
            <a:endParaRPr lang="en-US" altLang="ko-KR" sz="12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관람효율 극대화</a:t>
            </a:r>
          </a:p>
        </p:txBody>
      </p:sp>
    </p:spTree>
    <p:extLst>
      <p:ext uri="{BB962C8B-B14F-4D97-AF65-F5344CB8AC3E}">
        <p14:creationId xmlns:p14="http://schemas.microsoft.com/office/powerpoint/2010/main" val="28812291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2428860" y="2357436"/>
            <a:ext cx="410445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6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디자인팀</a:t>
            </a:r>
            <a:r>
              <a:rPr lang="ko-KR" altLang="en-US" sz="16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진행 상황</a:t>
            </a:r>
          </a:p>
        </p:txBody>
      </p:sp>
      <p:sp>
        <p:nvSpPr>
          <p:cNvPr id="5" name="직사각형 4"/>
          <p:cNvSpPr/>
          <p:nvPr/>
        </p:nvSpPr>
        <p:spPr>
          <a:xfrm>
            <a:off x="3621560" y="2214560"/>
            <a:ext cx="307916" cy="154800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3929058" y="2214560"/>
            <a:ext cx="154800" cy="154800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직각 삼각형 6"/>
          <p:cNvSpPr/>
          <p:nvPr/>
        </p:nvSpPr>
        <p:spPr>
          <a:xfrm rot="16200000" flipH="1">
            <a:off x="4000496" y="2214560"/>
            <a:ext cx="154800" cy="154800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" name="직사각형 7"/>
          <p:cNvSpPr/>
          <p:nvPr/>
        </p:nvSpPr>
        <p:spPr>
          <a:xfrm>
            <a:off x="4143372" y="2214560"/>
            <a:ext cx="1214446" cy="142876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" name="TextBox 8"/>
          <p:cNvSpPr txBox="1"/>
          <p:nvPr/>
        </p:nvSpPr>
        <p:spPr>
          <a:xfrm>
            <a:off x="3619931" y="2184648"/>
            <a:ext cx="60299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02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2743755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17" name="TextBox 16"/>
          <p:cNvSpPr txBox="1"/>
          <p:nvPr/>
        </p:nvSpPr>
        <p:spPr>
          <a:xfrm>
            <a:off x="3428992" y="1000114"/>
            <a:ext cx="271464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안드로이드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X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</a:p>
        </p:txBody>
      </p:sp>
      <p:pic>
        <p:nvPicPr>
          <p:cNvPr id="23" name="그림 22" descr="2016-04-22 09;52;38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43240" y="1500181"/>
            <a:ext cx="3214710" cy="3071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8855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17" name="TextBox 16"/>
          <p:cNvSpPr txBox="1"/>
          <p:nvPr/>
        </p:nvSpPr>
        <p:spPr>
          <a:xfrm>
            <a:off x="3428992" y="1000114"/>
            <a:ext cx="22322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관리자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X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</a:p>
        </p:txBody>
      </p:sp>
      <p:pic>
        <p:nvPicPr>
          <p:cNvPr id="16" name="그림 15" descr="KakaoTalk_20160421_174924907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2910" y="1000114"/>
            <a:ext cx="2518176" cy="3357568"/>
          </a:xfrm>
          <a:prstGeom prst="rect">
            <a:avLst/>
          </a:prstGeom>
        </p:spPr>
      </p:pic>
      <p:pic>
        <p:nvPicPr>
          <p:cNvPr id="18" name="그림 17" descr="KakaoTalk_20160421_174925428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86446" y="1000114"/>
            <a:ext cx="2589614" cy="3452819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>
            <a:off x="1142976" y="4500576"/>
            <a:ext cx="171451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메인목록</a:t>
            </a:r>
            <a:r>
              <a:rPr lang="en-US" altLang="ko-KR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-</a:t>
            </a:r>
            <a:r>
              <a:rPr lang="ko-KR" altLang="en-US" sz="12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텍스쳐</a:t>
            </a:r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버튼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6357950" y="4500576"/>
            <a:ext cx="157163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작품 데이터 관리</a:t>
            </a:r>
          </a:p>
        </p:txBody>
      </p:sp>
      <p:pic>
        <p:nvPicPr>
          <p:cNvPr id="21" name="그림 20" descr="2016-04-22 09;46;56.PNG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571736" y="2357436"/>
            <a:ext cx="3663373" cy="133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8855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26" name="그림 25" descr="Default-0-Homepage-50545621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0100" y="1071552"/>
            <a:ext cx="1968763" cy="3429024"/>
          </a:xfrm>
          <a:prstGeom prst="rect">
            <a:avLst/>
          </a:prstGeom>
        </p:spPr>
      </p:pic>
      <p:pic>
        <p:nvPicPr>
          <p:cNvPr id="29" name="그림 28" descr="검색창_메인화면_바1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15074" y="1000115"/>
            <a:ext cx="2071702" cy="3500462"/>
          </a:xfrm>
          <a:prstGeom prst="rect">
            <a:avLst/>
          </a:prstGeom>
        </p:spPr>
      </p:pic>
      <p:sp>
        <p:nvSpPr>
          <p:cNvPr id="30" name="TextBox 29"/>
          <p:cNvSpPr txBox="1"/>
          <p:nvPr/>
        </p:nvSpPr>
        <p:spPr>
          <a:xfrm>
            <a:off x="3214678" y="1000114"/>
            <a:ext cx="257176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안드로이드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1214414" y="4643452"/>
            <a:ext cx="157163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설정 </a:t>
            </a:r>
            <a:r>
              <a:rPr lang="en-US" altLang="ko-KR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on/off </a:t>
            </a:r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화면</a:t>
            </a:r>
          </a:p>
        </p:txBody>
      </p:sp>
      <p:sp>
        <p:nvSpPr>
          <p:cNvPr id="17" name="TextBox 16"/>
          <p:cNvSpPr txBox="1"/>
          <p:nvPr/>
        </p:nvSpPr>
        <p:spPr>
          <a:xfrm>
            <a:off x="6500826" y="4643452"/>
            <a:ext cx="157163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우측 바</a:t>
            </a:r>
          </a:p>
        </p:txBody>
      </p:sp>
      <p:pic>
        <p:nvPicPr>
          <p:cNvPr id="20" name="그림 19" descr="로딩화면.jpg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643306" y="1500180"/>
            <a:ext cx="1714512" cy="3048257"/>
          </a:xfrm>
          <a:prstGeom prst="rect">
            <a:avLst/>
          </a:prstGeom>
        </p:spPr>
      </p:pic>
      <p:sp>
        <p:nvSpPr>
          <p:cNvPr id="21" name="TextBox 20"/>
          <p:cNvSpPr txBox="1"/>
          <p:nvPr/>
        </p:nvSpPr>
        <p:spPr>
          <a:xfrm>
            <a:off x="3643306" y="4643452"/>
            <a:ext cx="185738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로딩화면</a:t>
            </a:r>
          </a:p>
        </p:txBody>
      </p:sp>
      <p:pic>
        <p:nvPicPr>
          <p:cNvPr id="18" name="그림 17" descr="(추천코스_목록)_진행중.jpg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85918" y="1428742"/>
            <a:ext cx="1647333" cy="2786082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>
            <a:off x="1357290" y="3857634"/>
            <a:ext cx="185738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추천코스 목록</a:t>
            </a:r>
            <a:r>
              <a:rPr lang="en-US" altLang="ko-KR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(</a:t>
            </a:r>
            <a:r>
              <a:rPr lang="ko-KR" altLang="en-US" sz="12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중</a:t>
            </a:r>
            <a:r>
              <a:rPr lang="en-US" altLang="ko-KR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)</a:t>
            </a:r>
            <a:endParaRPr lang="ko-KR" altLang="en-US" sz="12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878855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28" name="그림 27" descr="관리자 아이콘2.pn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3143240" y="1357304"/>
            <a:ext cx="2714644" cy="2714644"/>
          </a:xfrm>
          <a:prstGeom prst="rect">
            <a:avLst/>
          </a:prstGeom>
        </p:spPr>
      </p:pic>
      <p:sp>
        <p:nvSpPr>
          <p:cNvPr id="17" name="TextBox 16"/>
          <p:cNvSpPr txBox="1"/>
          <p:nvPr/>
        </p:nvSpPr>
        <p:spPr>
          <a:xfrm>
            <a:off x="3428992" y="1000114"/>
            <a:ext cx="22322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관리자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3786182" y="4429138"/>
            <a:ext cx="157163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관리자 로고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6500826" y="4500576"/>
            <a:ext cx="185738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로그인 화면</a:t>
            </a:r>
          </a:p>
        </p:txBody>
      </p:sp>
      <p:pic>
        <p:nvPicPr>
          <p:cNvPr id="20" name="그림 19" descr="KakaoTalk_20160422_191701022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57951" y="642924"/>
            <a:ext cx="2089290" cy="3714758"/>
          </a:xfrm>
          <a:prstGeom prst="rect">
            <a:avLst/>
          </a:prstGeom>
        </p:spPr>
      </p:pic>
      <p:pic>
        <p:nvPicPr>
          <p:cNvPr id="21" name="그림 20" descr="KakaoTalk_20160422_191706522.jpg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2911" y="642924"/>
            <a:ext cx="2089280" cy="3714740"/>
          </a:xfrm>
          <a:prstGeom prst="rect">
            <a:avLst/>
          </a:prstGeom>
        </p:spPr>
      </p:pic>
      <p:sp>
        <p:nvSpPr>
          <p:cNvPr id="22" name="TextBox 21"/>
          <p:cNvSpPr txBox="1"/>
          <p:nvPr/>
        </p:nvSpPr>
        <p:spPr>
          <a:xfrm>
            <a:off x="785786" y="4500576"/>
            <a:ext cx="185738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메인목록</a:t>
            </a:r>
            <a:endParaRPr lang="ko-KR" altLang="en-US" sz="12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878855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717</TotalTime>
  <Words>498</Words>
  <Application>Microsoft Office PowerPoint</Application>
  <PresentationFormat>화면 슬라이드 쇼(16:9)</PresentationFormat>
  <Paragraphs>159</Paragraphs>
  <Slides>20</Slides>
  <Notes>6</Notes>
  <HiddenSlides>0</HiddenSlides>
  <MMClips>0</MMClips>
  <ScaleCrop>false</ScaleCrop>
  <HeadingPairs>
    <vt:vector size="6" baseType="variant">
      <vt:variant>
        <vt:lpstr>사용한 글꼴</vt:lpstr>
      </vt:variant>
      <vt:variant>
        <vt:i4>10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0</vt:i4>
      </vt:variant>
    </vt:vector>
  </HeadingPairs>
  <TitlesOfParts>
    <vt:vector size="31" baseType="lpstr">
      <vt:lpstr>나눔바른고딕 Light</vt:lpstr>
      <vt:lpstr>나눔바른고딕</vt:lpstr>
      <vt:lpstr>Calibri</vt:lpstr>
      <vt:lpstr>-윤고딕340</vt:lpstr>
      <vt:lpstr>Wingdings</vt:lpstr>
      <vt:lpstr>나눔고딕 ExtraBold</vt:lpstr>
      <vt:lpstr>-윤고딕330</vt:lpstr>
      <vt:lpstr>맑은 고딕</vt:lpstr>
      <vt:lpstr>-윤고딕350</vt:lpstr>
      <vt:lpstr>Arial</vt:lpstr>
      <vt:lpstr>Office 테마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user</dc:creator>
  <cp:lastModifiedBy>손규호</cp:lastModifiedBy>
  <cp:revision>236</cp:revision>
  <dcterms:created xsi:type="dcterms:W3CDTF">2014-11-28T13:21:41Z</dcterms:created>
  <dcterms:modified xsi:type="dcterms:W3CDTF">2016-04-26T06:39:32Z</dcterms:modified>
</cp:coreProperties>
</file>